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足柄上" sheetId="82" r:id="rId1"/>
  </sheets>
  <definedNames>
    <definedName name="_xlnm._FilterDatabase" localSheetId="0" hidden="1">足柄上!$B$2:$E$59</definedName>
    <definedName name="_xlnm.Print_Area" localSheetId="0">足柄上!$A$1:$E$60</definedName>
    <definedName name="_xlnm.Print_Titles" localSheetId="0">足柄上!$2:$2</definedName>
  </definedNames>
  <calcPr calcId="162913"/>
</workbook>
</file>

<file path=xl/sharedStrings.xml><?xml version="1.0" encoding="utf-8"?>
<sst xmlns="http://schemas.openxmlformats.org/spreadsheetml/2006/main" count="238" uniqueCount="184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南足柄市関本５９１－１</t>
    <rPh sb="0" eb="3">
      <t>ミナミアシガラ</t>
    </rPh>
    <rPh sb="3" eb="4">
      <t>シ</t>
    </rPh>
    <rPh sb="4" eb="6">
      <t>セキモト</t>
    </rPh>
    <phoneticPr fontId="4"/>
  </si>
  <si>
    <t>岩下旅館</t>
    <rPh sb="0" eb="2">
      <t>イワシタ</t>
    </rPh>
    <rPh sb="2" eb="4">
      <t>リョカン</t>
    </rPh>
    <phoneticPr fontId="4"/>
  </si>
  <si>
    <t>南足柄市大雄町１０５７</t>
    <rPh sb="0" eb="3">
      <t>ミナミアシガラ</t>
    </rPh>
    <rPh sb="3" eb="4">
      <t>シ</t>
    </rPh>
    <rPh sb="4" eb="7">
      <t>ダイユウチョウ</t>
    </rPh>
    <phoneticPr fontId="4"/>
  </si>
  <si>
    <t>南足柄市中沼５７８－１</t>
    <rPh sb="0" eb="4">
      <t>ミナミアシガラシ</t>
    </rPh>
    <rPh sb="4" eb="6">
      <t>ナカヌマ</t>
    </rPh>
    <phoneticPr fontId="4"/>
  </si>
  <si>
    <t>神奈川県立足柄ふれあいの村</t>
    <rPh sb="0" eb="5">
      <t>カナガワケンリツ</t>
    </rPh>
    <rPh sb="5" eb="7">
      <t>アシガラ</t>
    </rPh>
    <rPh sb="12" eb="13">
      <t>ムラ</t>
    </rPh>
    <phoneticPr fontId="4"/>
  </si>
  <si>
    <t>南足柄市広町１５０７</t>
    <rPh sb="0" eb="4">
      <t>ミナミアシガラシ</t>
    </rPh>
    <rPh sb="4" eb="6">
      <t>ヒロマチ</t>
    </rPh>
    <phoneticPr fontId="4"/>
  </si>
  <si>
    <t>簡易宿所</t>
    <rPh sb="0" eb="2">
      <t>カンイ</t>
    </rPh>
    <rPh sb="2" eb="4">
      <t>シュクショ</t>
    </rPh>
    <phoneticPr fontId="4"/>
  </si>
  <si>
    <t>南足柄市広町１５２０－１</t>
    <rPh sb="0" eb="4">
      <t>ミナミアシガラシ</t>
    </rPh>
    <rPh sb="4" eb="6">
      <t>ヒロマチ</t>
    </rPh>
    <phoneticPr fontId="4"/>
  </si>
  <si>
    <t>足柄森林公園　丸太の森</t>
    <rPh sb="0" eb="2">
      <t>アシガラ</t>
    </rPh>
    <rPh sb="2" eb="4">
      <t>シンリン</t>
    </rPh>
    <rPh sb="4" eb="6">
      <t>コウエン</t>
    </rPh>
    <rPh sb="7" eb="9">
      <t>マルタ</t>
    </rPh>
    <rPh sb="10" eb="11">
      <t>モリ</t>
    </rPh>
    <phoneticPr fontId="4"/>
  </si>
  <si>
    <t>南足柄市広町１５４４</t>
    <rPh sb="0" eb="4">
      <t>ミナミアシガラシ</t>
    </rPh>
    <rPh sb="4" eb="6">
      <t>ヒロマチ</t>
    </rPh>
    <phoneticPr fontId="4"/>
  </si>
  <si>
    <t>夕日の滝バンガロー</t>
    <rPh sb="0" eb="2">
      <t>ユウヒ</t>
    </rPh>
    <rPh sb="3" eb="4">
      <t>タキ</t>
    </rPh>
    <phoneticPr fontId="4"/>
  </si>
  <si>
    <t>南足柄市矢倉沢２６６４－イ</t>
    <rPh sb="0" eb="4">
      <t>ミナミアシガラシ</t>
    </rPh>
    <rPh sb="4" eb="5">
      <t>ヤ</t>
    </rPh>
    <rPh sb="5" eb="7">
      <t>クラサワ</t>
    </rPh>
    <phoneticPr fontId="4"/>
  </si>
  <si>
    <t>有限会社　あさひ食堂</t>
    <rPh sb="0" eb="4">
      <t>ユウ</t>
    </rPh>
    <rPh sb="8" eb="10">
      <t>ショクドウ</t>
    </rPh>
    <phoneticPr fontId="4"/>
  </si>
  <si>
    <t>中井町遠藤６２１</t>
    <rPh sb="0" eb="3">
      <t>ナカイマチ</t>
    </rPh>
    <rPh sb="3" eb="5">
      <t>エンドウ</t>
    </rPh>
    <phoneticPr fontId="4"/>
  </si>
  <si>
    <t>大井町上大井２３１</t>
    <rPh sb="0" eb="3">
      <t>オオイマチ</t>
    </rPh>
    <rPh sb="3" eb="6">
      <t>カミオオイ</t>
    </rPh>
    <phoneticPr fontId="4"/>
  </si>
  <si>
    <t>大井町上大井３９７</t>
    <rPh sb="0" eb="3">
      <t>オオイマチ</t>
    </rPh>
    <rPh sb="3" eb="6">
      <t>カミオオイ</t>
    </rPh>
    <phoneticPr fontId="4"/>
  </si>
  <si>
    <t>ホテル　二の丸</t>
    <rPh sb="4" eb="5">
      <t>ニ</t>
    </rPh>
    <rPh sb="6" eb="7">
      <t>マル</t>
    </rPh>
    <phoneticPr fontId="4"/>
  </si>
  <si>
    <t>大井町西大井雑色３９３－４</t>
    <rPh sb="0" eb="3">
      <t>オオイマチ</t>
    </rPh>
    <rPh sb="3" eb="6">
      <t>ニシオオイ</t>
    </rPh>
    <rPh sb="6" eb="8">
      <t>ゾウシキ</t>
    </rPh>
    <phoneticPr fontId="4"/>
  </si>
  <si>
    <t>松葉屋旅館</t>
    <rPh sb="0" eb="2">
      <t>マツバ</t>
    </rPh>
    <rPh sb="2" eb="3">
      <t>ヤ</t>
    </rPh>
    <rPh sb="3" eb="5">
      <t>リョカン</t>
    </rPh>
    <phoneticPr fontId="4"/>
  </si>
  <si>
    <t>松田町松田庶子１４９５</t>
    <rPh sb="0" eb="3">
      <t>マツダマチ</t>
    </rPh>
    <rPh sb="3" eb="5">
      <t>マツダ</t>
    </rPh>
    <rPh sb="5" eb="7">
      <t>ショシ</t>
    </rPh>
    <phoneticPr fontId="4"/>
  </si>
  <si>
    <t>南丹沢　清津峡キャンプ場</t>
    <rPh sb="0" eb="1">
      <t>ミナミ</t>
    </rPh>
    <rPh sb="1" eb="3">
      <t>タンザワ</t>
    </rPh>
    <rPh sb="4" eb="5">
      <t>キヨ</t>
    </rPh>
    <rPh sb="5" eb="6">
      <t>ツ</t>
    </rPh>
    <rPh sb="6" eb="7">
      <t>キョウ</t>
    </rPh>
    <rPh sb="11" eb="12">
      <t>ジョウ</t>
    </rPh>
    <phoneticPr fontId="4"/>
  </si>
  <si>
    <t>松田町寄１１１１－２</t>
    <rPh sb="0" eb="3">
      <t>マツダマチ</t>
    </rPh>
    <rPh sb="3" eb="4">
      <t>ヨ</t>
    </rPh>
    <phoneticPr fontId="4"/>
  </si>
  <si>
    <t>民宿　せど</t>
    <rPh sb="0" eb="2">
      <t>ミンシュク</t>
    </rPh>
    <phoneticPr fontId="4"/>
  </si>
  <si>
    <t>松田町寄３３０８</t>
    <rPh sb="0" eb="3">
      <t>マツダマチ</t>
    </rPh>
    <rPh sb="3" eb="4">
      <t>ヨ</t>
    </rPh>
    <phoneticPr fontId="4"/>
  </si>
  <si>
    <t>松田町寄自然休養村
管理センター</t>
    <rPh sb="0" eb="3">
      <t>マツダマチ</t>
    </rPh>
    <rPh sb="3" eb="4">
      <t>ヨ</t>
    </rPh>
    <rPh sb="4" eb="6">
      <t>シゼン</t>
    </rPh>
    <rPh sb="6" eb="8">
      <t>キュウヨウ</t>
    </rPh>
    <rPh sb="8" eb="9">
      <t>ムラ</t>
    </rPh>
    <rPh sb="10" eb="12">
      <t>カンリ</t>
    </rPh>
    <phoneticPr fontId="4"/>
  </si>
  <si>
    <t>松田町寄３４１５</t>
    <rPh sb="0" eb="3">
      <t>マツダマチ</t>
    </rPh>
    <rPh sb="3" eb="4">
      <t>ヨ</t>
    </rPh>
    <phoneticPr fontId="4"/>
  </si>
  <si>
    <t>民宿　一休</t>
    <rPh sb="0" eb="2">
      <t>ミンシュク</t>
    </rPh>
    <rPh sb="3" eb="5">
      <t>イッキュウ</t>
    </rPh>
    <phoneticPr fontId="4"/>
  </si>
  <si>
    <t>松田町寄３４２４－１</t>
    <rPh sb="0" eb="3">
      <t>マツダマチ</t>
    </rPh>
    <rPh sb="3" eb="4">
      <t>ヨ</t>
    </rPh>
    <phoneticPr fontId="4"/>
  </si>
  <si>
    <t>松田町寄４０５５</t>
    <rPh sb="0" eb="3">
      <t>マツダマチ</t>
    </rPh>
    <rPh sb="3" eb="4">
      <t>ヨ</t>
    </rPh>
    <phoneticPr fontId="4"/>
  </si>
  <si>
    <t>民宿　仙口</t>
    <rPh sb="0" eb="2">
      <t>ミンシュク</t>
    </rPh>
    <rPh sb="3" eb="4">
      <t>ヤマト</t>
    </rPh>
    <rPh sb="4" eb="5">
      <t>クチ</t>
    </rPh>
    <phoneticPr fontId="4"/>
  </si>
  <si>
    <t>松田町寄４１６６</t>
    <rPh sb="0" eb="3">
      <t>マツダマチ</t>
    </rPh>
    <rPh sb="3" eb="4">
      <t>ヨ</t>
    </rPh>
    <phoneticPr fontId="4"/>
  </si>
  <si>
    <t>中戸川キャンプ場</t>
    <rPh sb="0" eb="1">
      <t>ナカ</t>
    </rPh>
    <rPh sb="1" eb="3">
      <t>トガワ</t>
    </rPh>
    <rPh sb="7" eb="8">
      <t>ジョウ</t>
    </rPh>
    <phoneticPr fontId="4"/>
  </si>
  <si>
    <t>松田町寄６７５９</t>
    <rPh sb="0" eb="3">
      <t>マツダマチ</t>
    </rPh>
    <rPh sb="3" eb="4">
      <t>ヨ</t>
    </rPh>
    <phoneticPr fontId="4"/>
  </si>
  <si>
    <t>落合館</t>
    <rPh sb="0" eb="2">
      <t>オチアイ</t>
    </rPh>
    <rPh sb="2" eb="3">
      <t>カン</t>
    </rPh>
    <phoneticPr fontId="4"/>
  </si>
  <si>
    <t>山北町神尾田７５９－２３</t>
    <rPh sb="0" eb="3">
      <t>ヤマキタマチ</t>
    </rPh>
    <rPh sb="3" eb="4">
      <t>カミ</t>
    </rPh>
    <rPh sb="4" eb="5">
      <t>オ</t>
    </rPh>
    <rPh sb="5" eb="6">
      <t>タ</t>
    </rPh>
    <phoneticPr fontId="4"/>
  </si>
  <si>
    <t>くろくら森の家</t>
    <rPh sb="4" eb="5">
      <t>モリ</t>
    </rPh>
    <rPh sb="6" eb="7">
      <t>イエ</t>
    </rPh>
    <phoneticPr fontId="4"/>
  </si>
  <si>
    <t>山北町玄倉１６０－１</t>
    <rPh sb="0" eb="3">
      <t>ヤマキタマチ</t>
    </rPh>
    <rPh sb="3" eb="5">
      <t>クロクラ</t>
    </rPh>
    <phoneticPr fontId="4"/>
  </si>
  <si>
    <t>丹沢湖キャンプサイト</t>
    <rPh sb="0" eb="2">
      <t>タンザワ</t>
    </rPh>
    <rPh sb="2" eb="3">
      <t>コ</t>
    </rPh>
    <phoneticPr fontId="4"/>
  </si>
  <si>
    <t>山北町玄倉４９０－２</t>
    <rPh sb="0" eb="3">
      <t>ヤマキタマチ</t>
    </rPh>
    <rPh sb="3" eb="5">
      <t>クロクラ</t>
    </rPh>
    <phoneticPr fontId="4"/>
  </si>
  <si>
    <t>玄倉荘</t>
    <rPh sb="0" eb="2">
      <t>クロクラ</t>
    </rPh>
    <rPh sb="2" eb="3">
      <t>ショウ</t>
    </rPh>
    <phoneticPr fontId="4"/>
  </si>
  <si>
    <t>山北町玄倉５１４</t>
    <rPh sb="0" eb="3">
      <t>ヤマキタマチ</t>
    </rPh>
    <rPh sb="3" eb="5">
      <t>クロクラ</t>
    </rPh>
    <phoneticPr fontId="4"/>
  </si>
  <si>
    <t>丹沢湖ロッヂ</t>
    <rPh sb="0" eb="2">
      <t>タンザワ</t>
    </rPh>
    <rPh sb="2" eb="3">
      <t>コ</t>
    </rPh>
    <phoneticPr fontId="4"/>
  </si>
  <si>
    <t>尊仏山荘</t>
    <rPh sb="0" eb="1">
      <t>ソン</t>
    </rPh>
    <rPh sb="1" eb="2">
      <t>ブツ</t>
    </rPh>
    <rPh sb="2" eb="4">
      <t>サンソウ</t>
    </rPh>
    <phoneticPr fontId="4"/>
  </si>
  <si>
    <t>山北町玄倉５９７－１７</t>
    <rPh sb="0" eb="3">
      <t>ヤマキタマチ</t>
    </rPh>
    <rPh sb="3" eb="5">
      <t>クロクラ</t>
    </rPh>
    <phoneticPr fontId="4"/>
  </si>
  <si>
    <t>世附川ロッジ</t>
    <rPh sb="0" eb="1">
      <t>ヨ</t>
    </rPh>
    <rPh sb="1" eb="2">
      <t>ツ</t>
    </rPh>
    <rPh sb="2" eb="3">
      <t>カワ</t>
    </rPh>
    <phoneticPr fontId="4"/>
  </si>
  <si>
    <t>山北町世附８７４</t>
    <rPh sb="0" eb="3">
      <t>ヤマキタマチ</t>
    </rPh>
    <rPh sb="3" eb="4">
      <t>ヨ</t>
    </rPh>
    <rPh sb="4" eb="5">
      <t>ツ</t>
    </rPh>
    <phoneticPr fontId="4"/>
  </si>
  <si>
    <t>八戒荘ロッヂ</t>
    <rPh sb="0" eb="1">
      <t>ハチ</t>
    </rPh>
    <rPh sb="1" eb="2">
      <t>カイ</t>
    </rPh>
    <rPh sb="2" eb="3">
      <t>ソウ</t>
    </rPh>
    <phoneticPr fontId="4"/>
  </si>
  <si>
    <t>山北町中川２６９－１</t>
    <rPh sb="0" eb="3">
      <t>ヤマキタマチ</t>
    </rPh>
    <rPh sb="3" eb="5">
      <t>ナカガワ</t>
    </rPh>
    <phoneticPr fontId="4"/>
  </si>
  <si>
    <t>八戒荘</t>
    <rPh sb="0" eb="1">
      <t>ハチ</t>
    </rPh>
    <rPh sb="1" eb="2">
      <t>カイ</t>
    </rPh>
    <rPh sb="2" eb="3">
      <t>ソウ</t>
    </rPh>
    <phoneticPr fontId="4"/>
  </si>
  <si>
    <t>山北町中川３１６－１</t>
    <rPh sb="0" eb="3">
      <t>ヤマキタマチ</t>
    </rPh>
    <rPh sb="3" eb="5">
      <t>ナカガワ</t>
    </rPh>
    <phoneticPr fontId="4"/>
  </si>
  <si>
    <t>山北町中川４４８－２</t>
    <rPh sb="0" eb="3">
      <t>ヤマキタマチ</t>
    </rPh>
    <rPh sb="3" eb="5">
      <t>ナカガワ</t>
    </rPh>
    <phoneticPr fontId="4"/>
  </si>
  <si>
    <t>有限会社　信玄館</t>
    <rPh sb="0" eb="4">
      <t>ユウ</t>
    </rPh>
    <rPh sb="5" eb="7">
      <t>シンゲン</t>
    </rPh>
    <rPh sb="7" eb="8">
      <t>カン</t>
    </rPh>
    <phoneticPr fontId="4"/>
  </si>
  <si>
    <t>山北町中川５７７－６</t>
    <rPh sb="0" eb="3">
      <t>ヤマキタマチ</t>
    </rPh>
    <rPh sb="3" eb="5">
      <t>ナカガワ</t>
    </rPh>
    <phoneticPr fontId="4"/>
  </si>
  <si>
    <t>西丹沢　箒沢荘</t>
    <rPh sb="0" eb="1">
      <t>ニシ</t>
    </rPh>
    <rPh sb="1" eb="3">
      <t>タンザワ</t>
    </rPh>
    <rPh sb="4" eb="5">
      <t>ホウキ</t>
    </rPh>
    <rPh sb="5" eb="6">
      <t>サワ</t>
    </rPh>
    <rPh sb="6" eb="7">
      <t>ソウ</t>
    </rPh>
    <phoneticPr fontId="4"/>
  </si>
  <si>
    <t>山北町中川７２８</t>
    <rPh sb="0" eb="3">
      <t>ヤマキタマチ</t>
    </rPh>
    <rPh sb="3" eb="5">
      <t>ナカガワ</t>
    </rPh>
    <phoneticPr fontId="4"/>
  </si>
  <si>
    <t>大石キャンプ場</t>
    <rPh sb="0" eb="2">
      <t>オオイシ</t>
    </rPh>
    <rPh sb="6" eb="7">
      <t>ジョウ</t>
    </rPh>
    <phoneticPr fontId="4"/>
  </si>
  <si>
    <t>山北町中川８６６－１４，１５</t>
    <rPh sb="0" eb="3">
      <t>ヤマキタマチ</t>
    </rPh>
    <rPh sb="3" eb="5">
      <t>ナカガワ</t>
    </rPh>
    <phoneticPr fontId="4"/>
  </si>
  <si>
    <t>山北町中川８６９</t>
    <rPh sb="0" eb="3">
      <t>ヤマキタマチ</t>
    </rPh>
    <rPh sb="3" eb="5">
      <t>ナカガワ</t>
    </rPh>
    <phoneticPr fontId="4"/>
  </si>
  <si>
    <t>株式会社ウェルリゾート
（ログハウス）</t>
    <rPh sb="0" eb="2">
      <t>カブシキ</t>
    </rPh>
    <rPh sb="2" eb="4">
      <t>カイシャ</t>
    </rPh>
    <phoneticPr fontId="4"/>
  </si>
  <si>
    <t>山北町中川８６９－３８</t>
    <rPh sb="0" eb="3">
      <t>ヤマキタマチ</t>
    </rPh>
    <rPh sb="3" eb="5">
      <t>ナカガワ</t>
    </rPh>
    <phoneticPr fontId="4"/>
  </si>
  <si>
    <t>ウェルキャンプ西丹沢（コテージ）</t>
    <rPh sb="7" eb="8">
      <t>ニシ</t>
    </rPh>
    <rPh sb="8" eb="10">
      <t>タンザワ</t>
    </rPh>
    <phoneticPr fontId="4"/>
  </si>
  <si>
    <t>山北町中川８７０－８</t>
    <rPh sb="0" eb="3">
      <t>ヤマキタマチ</t>
    </rPh>
    <rPh sb="3" eb="5">
      <t>ナカガワ</t>
    </rPh>
    <phoneticPr fontId="4"/>
  </si>
  <si>
    <t>奥箒沢　山の家</t>
    <rPh sb="0" eb="1">
      <t>オク</t>
    </rPh>
    <rPh sb="1" eb="2">
      <t>ホウキ</t>
    </rPh>
    <rPh sb="2" eb="3">
      <t>サワ</t>
    </rPh>
    <rPh sb="4" eb="5">
      <t>ヤマ</t>
    </rPh>
    <rPh sb="6" eb="7">
      <t>イエ</t>
    </rPh>
    <phoneticPr fontId="4"/>
  </si>
  <si>
    <t>山北町中川８７４</t>
    <rPh sb="0" eb="3">
      <t>ヤマキタマチ</t>
    </rPh>
    <rPh sb="3" eb="5">
      <t>ナカガワ</t>
    </rPh>
    <phoneticPr fontId="4"/>
  </si>
  <si>
    <t>山北町中川８７６－７</t>
    <rPh sb="0" eb="3">
      <t>ヤマキタマチ</t>
    </rPh>
    <rPh sb="3" eb="5">
      <t>ナカガワ</t>
    </rPh>
    <phoneticPr fontId="4"/>
  </si>
  <si>
    <t>大滝キャンプ場</t>
    <rPh sb="0" eb="2">
      <t>オオタキ</t>
    </rPh>
    <rPh sb="6" eb="7">
      <t>ジョウ</t>
    </rPh>
    <phoneticPr fontId="4"/>
  </si>
  <si>
    <t>山北町中川８７９</t>
    <rPh sb="0" eb="2">
      <t>ヤマキタ</t>
    </rPh>
    <rPh sb="2" eb="3">
      <t>マチ</t>
    </rPh>
    <rPh sb="3" eb="5">
      <t>ナカガワ</t>
    </rPh>
    <phoneticPr fontId="4"/>
  </si>
  <si>
    <t>西丹沢コテージキャンプ場</t>
    <rPh sb="0" eb="1">
      <t>ニシ</t>
    </rPh>
    <rPh sb="1" eb="3">
      <t>タンザワ</t>
    </rPh>
    <rPh sb="11" eb="12">
      <t>ジョウ</t>
    </rPh>
    <phoneticPr fontId="4"/>
  </si>
  <si>
    <t>山北町中川８８０－１１</t>
    <rPh sb="0" eb="3">
      <t>ヤマキタマチ</t>
    </rPh>
    <rPh sb="3" eb="5">
      <t>ナカガワ</t>
    </rPh>
    <phoneticPr fontId="4"/>
  </si>
  <si>
    <t>笹子沢バンガロー</t>
    <rPh sb="0" eb="1">
      <t>ササ</t>
    </rPh>
    <rPh sb="1" eb="2">
      <t>コ</t>
    </rPh>
    <rPh sb="2" eb="3">
      <t>サワ</t>
    </rPh>
    <phoneticPr fontId="4"/>
  </si>
  <si>
    <t>山北町中川８９５－１３</t>
    <rPh sb="0" eb="3">
      <t>ヤマキタマチ</t>
    </rPh>
    <rPh sb="3" eb="5">
      <t>ナカガワ</t>
    </rPh>
    <phoneticPr fontId="4"/>
  </si>
  <si>
    <t>蒼の山荘</t>
    <rPh sb="0" eb="1">
      <t>アオ</t>
    </rPh>
    <rPh sb="2" eb="4">
      <t>サンソウ</t>
    </rPh>
    <phoneticPr fontId="4"/>
  </si>
  <si>
    <t>山北町中川８９７</t>
    <rPh sb="0" eb="3">
      <t>ヤマキタマチ</t>
    </rPh>
    <rPh sb="3" eb="5">
      <t>ナカガワ</t>
    </rPh>
    <phoneticPr fontId="4"/>
  </si>
  <si>
    <t>魚山亭やまぶき</t>
    <rPh sb="0" eb="1">
      <t>ギョ</t>
    </rPh>
    <rPh sb="1" eb="2">
      <t>ヤマ</t>
    </rPh>
    <rPh sb="2" eb="3">
      <t>テイ</t>
    </rPh>
    <phoneticPr fontId="4"/>
  </si>
  <si>
    <t>山北町中川８９７－９０</t>
    <rPh sb="0" eb="3">
      <t>ヤマキタマチ</t>
    </rPh>
    <rPh sb="3" eb="5">
      <t>ナカガワ</t>
    </rPh>
    <phoneticPr fontId="4"/>
  </si>
  <si>
    <t>丹沢湖共栄山荘</t>
    <rPh sb="0" eb="2">
      <t>タンザワ</t>
    </rPh>
    <rPh sb="2" eb="3">
      <t>コ</t>
    </rPh>
    <rPh sb="3" eb="5">
      <t>キョウエイ</t>
    </rPh>
    <rPh sb="5" eb="7">
      <t>サンソウ</t>
    </rPh>
    <phoneticPr fontId="4"/>
  </si>
  <si>
    <t>山北町中川８９７－１１１</t>
    <rPh sb="0" eb="3">
      <t>ヤマキタマチ</t>
    </rPh>
    <rPh sb="3" eb="5">
      <t>ナカガワ</t>
    </rPh>
    <phoneticPr fontId="4"/>
  </si>
  <si>
    <t>文覚荘</t>
    <rPh sb="0" eb="1">
      <t>ブン</t>
    </rPh>
    <rPh sb="1" eb="2">
      <t>カク</t>
    </rPh>
    <rPh sb="2" eb="3">
      <t>ソウ</t>
    </rPh>
    <phoneticPr fontId="4"/>
  </si>
  <si>
    <t>山北町平山１１８０</t>
    <rPh sb="0" eb="3">
      <t>ヤマキタマチ</t>
    </rPh>
    <rPh sb="3" eb="5">
      <t>ヒラヤマ</t>
    </rPh>
    <phoneticPr fontId="4"/>
  </si>
  <si>
    <t>有限会社　洒水園</t>
    <rPh sb="0" eb="4">
      <t>ユウ</t>
    </rPh>
    <rPh sb="5" eb="6">
      <t>サイ</t>
    </rPh>
    <rPh sb="6" eb="7">
      <t>ミズ</t>
    </rPh>
    <rPh sb="7" eb="8">
      <t>エン</t>
    </rPh>
    <phoneticPr fontId="4"/>
  </si>
  <si>
    <t>山北町平山１１８８</t>
    <rPh sb="0" eb="3">
      <t>ヤマキタマチ</t>
    </rPh>
    <rPh sb="3" eb="5">
      <t>ヒラヤマ</t>
    </rPh>
    <phoneticPr fontId="4"/>
  </si>
  <si>
    <t>許可番号</t>
    <rPh sb="0" eb="2">
      <t>キョカ</t>
    </rPh>
    <rPh sb="2" eb="4">
      <t>バンゴウ</t>
    </rPh>
    <phoneticPr fontId="1"/>
  </si>
  <si>
    <t>旅館・ホテル</t>
    <rPh sb="0" eb="2">
      <t>リョカン</t>
    </rPh>
    <phoneticPr fontId="4"/>
  </si>
  <si>
    <t>第100038号</t>
    <rPh sb="0" eb="1">
      <t>ダイ</t>
    </rPh>
    <rPh sb="7" eb="8">
      <t>ゴウ</t>
    </rPh>
    <phoneticPr fontId="2"/>
  </si>
  <si>
    <t>第100032号</t>
    <rPh sb="0" eb="1">
      <t>ダイ</t>
    </rPh>
    <rPh sb="7" eb="8">
      <t>ゴウ</t>
    </rPh>
    <phoneticPr fontId="2"/>
  </si>
  <si>
    <t>第100029号</t>
    <rPh sb="0" eb="1">
      <t>ダイ</t>
    </rPh>
    <rPh sb="7" eb="8">
      <t>ゴウ</t>
    </rPh>
    <phoneticPr fontId="2"/>
  </si>
  <si>
    <t>第100024号</t>
    <rPh sb="0" eb="1">
      <t>ダイ</t>
    </rPh>
    <rPh sb="7" eb="8">
      <t>ゴウ</t>
    </rPh>
    <phoneticPr fontId="2"/>
  </si>
  <si>
    <t>第100048号</t>
    <rPh sb="0" eb="1">
      <t>ダイ</t>
    </rPh>
    <rPh sb="7" eb="8">
      <t>ゴウ</t>
    </rPh>
    <phoneticPr fontId="2"/>
  </si>
  <si>
    <t>第100011号</t>
    <rPh sb="0" eb="1">
      <t>ダイ</t>
    </rPh>
    <rPh sb="7" eb="8">
      <t>ゴウ</t>
    </rPh>
    <phoneticPr fontId="2"/>
  </si>
  <si>
    <t>第100054号</t>
    <rPh sb="0" eb="1">
      <t>ダイ</t>
    </rPh>
    <rPh sb="7" eb="8">
      <t>ゴウ</t>
    </rPh>
    <phoneticPr fontId="2"/>
  </si>
  <si>
    <t>第100053号</t>
    <rPh sb="0" eb="1">
      <t>ダイ</t>
    </rPh>
    <rPh sb="7" eb="8">
      <t>ゴウ</t>
    </rPh>
    <phoneticPr fontId="2"/>
  </si>
  <si>
    <t>第100037号</t>
    <rPh sb="0" eb="1">
      <t>ダイ</t>
    </rPh>
    <rPh sb="7" eb="8">
      <t>ゴウ</t>
    </rPh>
    <phoneticPr fontId="2"/>
  </si>
  <si>
    <t>第100001号</t>
    <rPh sb="0" eb="1">
      <t>ダイ</t>
    </rPh>
    <rPh sb="7" eb="8">
      <t>ゴウ</t>
    </rPh>
    <phoneticPr fontId="2"/>
  </si>
  <si>
    <t>第100026号</t>
    <rPh sb="0" eb="1">
      <t>ダイ</t>
    </rPh>
    <rPh sb="7" eb="8">
      <t>ゴウ</t>
    </rPh>
    <phoneticPr fontId="2"/>
  </si>
  <si>
    <t>第100002号</t>
    <rPh sb="0" eb="1">
      <t>ダイ</t>
    </rPh>
    <rPh sb="7" eb="8">
      <t>ゴウ</t>
    </rPh>
    <phoneticPr fontId="2"/>
  </si>
  <si>
    <t>第100045号</t>
    <rPh sb="0" eb="1">
      <t>ダイ</t>
    </rPh>
    <rPh sb="7" eb="8">
      <t>ゴウ</t>
    </rPh>
    <phoneticPr fontId="4"/>
  </si>
  <si>
    <t>第100049号</t>
    <rPh sb="0" eb="1">
      <t>ダイ</t>
    </rPh>
    <rPh sb="7" eb="8">
      <t>ゴウ</t>
    </rPh>
    <phoneticPr fontId="4"/>
  </si>
  <si>
    <t>第100019号</t>
    <rPh sb="0" eb="1">
      <t>ダイ</t>
    </rPh>
    <rPh sb="7" eb="8">
      <t>ゴウ</t>
    </rPh>
    <phoneticPr fontId="4"/>
  </si>
  <si>
    <t>第100017号</t>
    <rPh sb="0" eb="1">
      <t>ダイ</t>
    </rPh>
    <rPh sb="7" eb="8">
      <t>ゴウ</t>
    </rPh>
    <phoneticPr fontId="4"/>
  </si>
  <si>
    <t>第100039号</t>
    <rPh sb="0" eb="1">
      <t>ダイ</t>
    </rPh>
    <rPh sb="7" eb="8">
      <t>ゴウ</t>
    </rPh>
    <phoneticPr fontId="4"/>
  </si>
  <si>
    <t>第100025号</t>
    <rPh sb="0" eb="1">
      <t>ダイ</t>
    </rPh>
    <rPh sb="7" eb="8">
      <t>ゴウ</t>
    </rPh>
    <phoneticPr fontId="2"/>
  </si>
  <si>
    <t>第100031号</t>
    <rPh sb="0" eb="1">
      <t>ダイ</t>
    </rPh>
    <rPh sb="7" eb="8">
      <t>ゴウ</t>
    </rPh>
    <phoneticPr fontId="4"/>
  </si>
  <si>
    <t>第100020号</t>
    <rPh sb="0" eb="1">
      <t>ダイ</t>
    </rPh>
    <rPh sb="7" eb="8">
      <t>ゴウ</t>
    </rPh>
    <phoneticPr fontId="4"/>
  </si>
  <si>
    <t>第100055号</t>
    <rPh sb="0" eb="1">
      <t>ダイ</t>
    </rPh>
    <rPh sb="7" eb="8">
      <t>ゴウ</t>
    </rPh>
    <phoneticPr fontId="4"/>
  </si>
  <si>
    <t>第100059号</t>
    <rPh sb="0" eb="1">
      <t>ダイ</t>
    </rPh>
    <rPh sb="7" eb="8">
      <t>ゴウ</t>
    </rPh>
    <phoneticPr fontId="4"/>
  </si>
  <si>
    <t>第100007号</t>
    <rPh sb="0" eb="1">
      <t>ダイ</t>
    </rPh>
    <rPh sb="7" eb="8">
      <t>ゴウ</t>
    </rPh>
    <phoneticPr fontId="4"/>
  </si>
  <si>
    <t>第100010号</t>
    <rPh sb="0" eb="1">
      <t>ダイ</t>
    </rPh>
    <rPh sb="7" eb="8">
      <t>ゴウ</t>
    </rPh>
    <phoneticPr fontId="4"/>
  </si>
  <si>
    <t>第100042号</t>
    <rPh sb="0" eb="1">
      <t>ダイ</t>
    </rPh>
    <rPh sb="7" eb="8">
      <t>ゴウ</t>
    </rPh>
    <phoneticPr fontId="4"/>
  </si>
  <si>
    <t>第100057号</t>
    <rPh sb="0" eb="1">
      <t>ダイ</t>
    </rPh>
    <rPh sb="7" eb="8">
      <t>ゴウ</t>
    </rPh>
    <phoneticPr fontId="4"/>
  </si>
  <si>
    <t>第100023号</t>
    <rPh sb="0" eb="1">
      <t>ダイ</t>
    </rPh>
    <rPh sb="7" eb="8">
      <t>ゴウ</t>
    </rPh>
    <phoneticPr fontId="4"/>
  </si>
  <si>
    <t>第100015号</t>
    <rPh sb="0" eb="1">
      <t>ダイ</t>
    </rPh>
    <rPh sb="7" eb="8">
      <t>ゴウ</t>
    </rPh>
    <phoneticPr fontId="4"/>
  </si>
  <si>
    <t>第100014号</t>
    <rPh sb="0" eb="1">
      <t>ダイ</t>
    </rPh>
    <rPh sb="7" eb="8">
      <t>ゴウ</t>
    </rPh>
    <phoneticPr fontId="4"/>
  </si>
  <si>
    <t>第100034号</t>
    <rPh sb="0" eb="1">
      <t>ダイ</t>
    </rPh>
    <rPh sb="7" eb="8">
      <t>ゴウ</t>
    </rPh>
    <phoneticPr fontId="4"/>
  </si>
  <si>
    <t>第100043号</t>
    <rPh sb="0" eb="1">
      <t>ダイ</t>
    </rPh>
    <rPh sb="7" eb="8">
      <t>ゴウ</t>
    </rPh>
    <phoneticPr fontId="4"/>
  </si>
  <si>
    <t>第100056号</t>
    <rPh sb="0" eb="1">
      <t>ダイ</t>
    </rPh>
    <rPh sb="7" eb="8">
      <t>ゴウ</t>
    </rPh>
    <phoneticPr fontId="4"/>
  </si>
  <si>
    <t>第100051号</t>
    <rPh sb="0" eb="1">
      <t>ダイ</t>
    </rPh>
    <rPh sb="7" eb="8">
      <t>ゴウ</t>
    </rPh>
    <phoneticPr fontId="4"/>
  </si>
  <si>
    <t>第100008号</t>
    <rPh sb="0" eb="1">
      <t>ダイ</t>
    </rPh>
    <rPh sb="7" eb="8">
      <t>ゴウ</t>
    </rPh>
    <phoneticPr fontId="4"/>
  </si>
  <si>
    <t>第100044号</t>
    <rPh sb="0" eb="1">
      <t>ダイ</t>
    </rPh>
    <rPh sb="7" eb="8">
      <t>ゴウ</t>
    </rPh>
    <phoneticPr fontId="4"/>
  </si>
  <si>
    <t>第100028号</t>
    <rPh sb="0" eb="1">
      <t>ダイ</t>
    </rPh>
    <rPh sb="7" eb="8">
      <t>ゴウ</t>
    </rPh>
    <phoneticPr fontId="4"/>
  </si>
  <si>
    <t>第100052号</t>
    <rPh sb="0" eb="1">
      <t>ダイ</t>
    </rPh>
    <rPh sb="7" eb="8">
      <t>ゴウ</t>
    </rPh>
    <phoneticPr fontId="4"/>
  </si>
  <si>
    <t>第100009号</t>
    <rPh sb="0" eb="1">
      <t>ダイ</t>
    </rPh>
    <rPh sb="7" eb="8">
      <t>ゴウ</t>
    </rPh>
    <phoneticPr fontId="4"/>
  </si>
  <si>
    <t>第100036号</t>
    <rPh sb="0" eb="1">
      <t>ダイ</t>
    </rPh>
    <rPh sb="7" eb="8">
      <t>ゴウ</t>
    </rPh>
    <phoneticPr fontId="4"/>
  </si>
  <si>
    <t>第100033号</t>
    <rPh sb="0" eb="1">
      <t>ダイ</t>
    </rPh>
    <rPh sb="7" eb="8">
      <t>ゴウ</t>
    </rPh>
    <phoneticPr fontId="4"/>
  </si>
  <si>
    <t>第100035号</t>
    <rPh sb="0" eb="1">
      <t>ダイ</t>
    </rPh>
    <rPh sb="7" eb="8">
      <t>ゴウ</t>
    </rPh>
    <phoneticPr fontId="4"/>
  </si>
  <si>
    <t>第100047号</t>
    <rPh sb="0" eb="1">
      <t>ダイ</t>
    </rPh>
    <rPh sb="7" eb="8">
      <t>ゴウ</t>
    </rPh>
    <phoneticPr fontId="4"/>
  </si>
  <si>
    <t>第100004号</t>
    <rPh sb="0" eb="1">
      <t>ダイ</t>
    </rPh>
    <rPh sb="7" eb="8">
      <t>ゴウ</t>
    </rPh>
    <phoneticPr fontId="4"/>
  </si>
  <si>
    <t>第100060号</t>
  </si>
  <si>
    <t>簡易宿所</t>
    <rPh sb="0" eb="2">
      <t>カンイ</t>
    </rPh>
    <rPh sb="2" eb="4">
      <t>シュクショ</t>
    </rPh>
    <phoneticPr fontId="1"/>
  </si>
  <si>
    <t>マウントブリッジ</t>
    <phoneticPr fontId="4"/>
  </si>
  <si>
    <t>バウアーハウスジャパン</t>
    <phoneticPr fontId="4"/>
  </si>
  <si>
    <t>ログキャビン　しおや</t>
    <phoneticPr fontId="4"/>
  </si>
  <si>
    <t>ホテル　モード　１５</t>
    <phoneticPr fontId="4"/>
  </si>
  <si>
    <t>ホテル　リバティ</t>
    <phoneticPr fontId="4"/>
  </si>
  <si>
    <t>おんりーゆー</t>
    <phoneticPr fontId="4"/>
  </si>
  <si>
    <t>ビジネスホテルフジ</t>
    <phoneticPr fontId="4"/>
  </si>
  <si>
    <t>sotosotodays CAMPGROUNDS</t>
    <phoneticPr fontId="4"/>
  </si>
  <si>
    <t>南足柄市矢倉沢２２３０</t>
    <rPh sb="0" eb="4">
      <t>ミナミアシガラシ</t>
    </rPh>
    <rPh sb="4" eb="7">
      <t>ヤグラサワ</t>
    </rPh>
    <phoneticPr fontId="4"/>
  </si>
  <si>
    <t>No</t>
    <phoneticPr fontId="1"/>
  </si>
  <si>
    <t>第100062号</t>
    <rPh sb="7" eb="8">
      <t>ゴウ</t>
    </rPh>
    <phoneticPr fontId="1"/>
  </si>
  <si>
    <t>開成町吉田島１３８６－１</t>
    <phoneticPr fontId="1"/>
  </si>
  <si>
    <t>第100063号</t>
    <rPh sb="0" eb="1">
      <t>ダイ</t>
    </rPh>
    <rPh sb="7" eb="8">
      <t>ゴウ</t>
    </rPh>
    <phoneticPr fontId="1"/>
  </si>
  <si>
    <t>箒沢荘　グランピングエリア　杢</t>
    <phoneticPr fontId="1"/>
  </si>
  <si>
    <t>山北町中川７２８</t>
    <rPh sb="0" eb="2">
      <t>ヤマキタ</t>
    </rPh>
    <rPh sb="2" eb="3">
      <t>マチ</t>
    </rPh>
    <phoneticPr fontId="1"/>
  </si>
  <si>
    <t>第100064号</t>
    <rPh sb="0" eb="1">
      <t>ダイ</t>
    </rPh>
    <rPh sb="7" eb="8">
      <t>ゴウ</t>
    </rPh>
    <phoneticPr fontId="1"/>
  </si>
  <si>
    <t>ペンション　まつが</t>
    <phoneticPr fontId="1"/>
  </si>
  <si>
    <t>南足柄市矢倉沢１２３２</t>
    <rPh sb="0" eb="4">
      <t>ミナミアシガラシ</t>
    </rPh>
    <phoneticPr fontId="1"/>
  </si>
  <si>
    <t>第100065号</t>
    <rPh sb="0" eb="1">
      <t>ダイ</t>
    </rPh>
    <rPh sb="7" eb="8">
      <t>ゴウ</t>
    </rPh>
    <phoneticPr fontId="1"/>
  </si>
  <si>
    <t>休日ひみつきち　－ＹＡＤＯＲＩＫＩ－</t>
    <phoneticPr fontId="1"/>
  </si>
  <si>
    <t>松田町寄４１７２－２</t>
    <rPh sb="0" eb="2">
      <t>マツダ</t>
    </rPh>
    <rPh sb="2" eb="3">
      <t>マチ</t>
    </rPh>
    <phoneticPr fontId="1"/>
  </si>
  <si>
    <t>第100066号</t>
    <rPh sb="0" eb="1">
      <t>ダイ</t>
    </rPh>
    <rPh sb="7" eb="8">
      <t>ゴウ</t>
    </rPh>
    <phoneticPr fontId="1"/>
  </si>
  <si>
    <t>ホテルとざんコンフォート開成</t>
    <phoneticPr fontId="1"/>
  </si>
  <si>
    <t>ホテルとざんコンフォート大雄山</t>
    <phoneticPr fontId="4"/>
  </si>
  <si>
    <t>休日ひみつきち　ＹＡＤＯＲＩＫＩ　２号</t>
    <phoneticPr fontId="1"/>
  </si>
  <si>
    <t>松田町寄４５８５－５</t>
    <rPh sb="0" eb="2">
      <t>マツダ</t>
    </rPh>
    <rPh sb="2" eb="3">
      <t>マチ</t>
    </rPh>
    <phoneticPr fontId="1"/>
  </si>
  <si>
    <t>第100069号</t>
    <rPh sb="0" eb="1">
      <t>ダイ</t>
    </rPh>
    <rPh sb="7" eb="8">
      <t>ゴウ</t>
    </rPh>
    <phoneticPr fontId="1"/>
  </si>
  <si>
    <t>SPRINGS　VILLAGE　足柄・丹沢　温泉リゾート＆グランピング</t>
    <phoneticPr fontId="1"/>
  </si>
  <si>
    <t>第100067号</t>
    <rPh sb="0" eb="1">
      <t>ダイ</t>
    </rPh>
    <rPh sb="7" eb="8">
      <t>ゴウ</t>
    </rPh>
    <phoneticPr fontId="4"/>
  </si>
  <si>
    <t>蜂花苑やどろぎ荘・ミロクキャンプ場</t>
    <phoneticPr fontId="1"/>
  </si>
  <si>
    <t>松田町寄４３８０－１</t>
    <rPh sb="0" eb="2">
      <t>マツダ</t>
    </rPh>
    <rPh sb="2" eb="3">
      <t>マチ</t>
    </rPh>
    <phoneticPr fontId="1"/>
  </si>
  <si>
    <t>第100070号</t>
    <phoneticPr fontId="1"/>
  </si>
  <si>
    <t>７ｌａｎｅｓ</t>
    <phoneticPr fontId="1"/>
  </si>
  <si>
    <t>山北町中川６２２</t>
    <rPh sb="0" eb="3">
      <t>ヤマキタマチ</t>
    </rPh>
    <phoneticPr fontId="1"/>
  </si>
  <si>
    <t>第100073号</t>
    <phoneticPr fontId="1"/>
  </si>
  <si>
    <t>松田町寄４５８５番地３</t>
    <rPh sb="0" eb="3">
      <t>マツダマチ</t>
    </rPh>
    <phoneticPr fontId="1"/>
  </si>
  <si>
    <t>ＳＡＮＵ　２ｎｄ　Ｈｏｍｅ　ＡＳＡＧＩＲＩ足柄</t>
    <phoneticPr fontId="1"/>
  </si>
  <si>
    <t>第100072号</t>
    <phoneticPr fontId="1"/>
  </si>
  <si>
    <t>ＡＳＨＩＧＡＲＡ　ＨＯＵＳＥ</t>
    <phoneticPr fontId="1"/>
  </si>
  <si>
    <t>大井町金子１３０－１１</t>
    <rPh sb="0" eb="3">
      <t>オオイマチ</t>
    </rPh>
    <phoneticPr fontId="1"/>
  </si>
  <si>
    <t>簡易宿所</t>
    <phoneticPr fontId="1"/>
  </si>
  <si>
    <t>第100074号</t>
    <phoneticPr fontId="1"/>
  </si>
  <si>
    <t>Ｈｏｗ　Ｌｏｖｅｌｙ　Ｙａｇａ</t>
  </si>
  <si>
    <t>山北町谷ケ５６８－１</t>
    <rPh sb="0" eb="3">
      <t>ヤマキタマチ</t>
    </rPh>
    <phoneticPr fontId="1"/>
  </si>
  <si>
    <t>第100075号</t>
    <phoneticPr fontId="1"/>
  </si>
  <si>
    <t>ビオトピア　オートキャンプ　プレミアムサイト</t>
  </si>
  <si>
    <t>大井町山田８１０</t>
    <rPh sb="0" eb="3">
      <t>オオイマチ</t>
    </rPh>
    <phoneticPr fontId="1"/>
  </si>
  <si>
    <t>簡易宿所</t>
    <phoneticPr fontId="1"/>
  </si>
  <si>
    <t>第100076号</t>
    <phoneticPr fontId="1"/>
  </si>
  <si>
    <t>松田町寄１３５８</t>
    <rPh sb="0" eb="3">
      <t>マツダマチ</t>
    </rPh>
    <phoneticPr fontId="1"/>
  </si>
  <si>
    <t>ｈｏｌｏ　ｈｏｕｓｅ</t>
    <phoneticPr fontId="1"/>
  </si>
  <si>
    <t>第100077号</t>
    <phoneticPr fontId="1"/>
  </si>
  <si>
    <t>旅館業法許可施設一覧(令和７年９月30日現在)　　小田原保健福祉事務所足柄上センター所管域（南足柄市、中井町、大井町、松田町、山北町、開成町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13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17">
    <xf numFmtId="0" fontId="0" fillId="0" borderId="0" xfId="0">
      <alignment vertical="center"/>
    </xf>
    <xf numFmtId="0" fontId="7" fillId="0" borderId="1" xfId="0" applyFont="1" applyBorder="1" applyAlignment="1">
      <alignment vertical="center" shrinkToFit="1"/>
    </xf>
    <xf numFmtId="0" fontId="7" fillId="0" borderId="1" xfId="0" applyFont="1" applyFill="1" applyBorder="1" applyAlignment="1">
      <alignment vertical="center" shrinkToFit="1"/>
    </xf>
    <xf numFmtId="0" fontId="7" fillId="0" borderId="1" xfId="0" applyFont="1" applyFill="1" applyBorder="1" applyAlignment="1">
      <alignment horizontal="left" vertical="center" shrinkToFit="1"/>
    </xf>
    <xf numFmtId="176" fontId="7" fillId="0" borderId="1" xfId="0" applyNumberFormat="1" applyFont="1" applyFill="1" applyBorder="1" applyAlignment="1">
      <alignment horizontal="left" vertical="center" shrinkToFit="1"/>
    </xf>
    <xf numFmtId="0" fontId="7" fillId="2" borderId="1" xfId="0" applyFont="1" applyFill="1" applyBorder="1" applyAlignment="1">
      <alignment horizontal="center" vertical="center" shrinkToFit="1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5" fillId="0" borderId="1" xfId="0" applyFont="1" applyFill="1" applyBorder="1" applyAlignment="1">
      <alignment vertical="center" wrapText="1" shrinkToFit="1"/>
    </xf>
    <xf numFmtId="0" fontId="7" fillId="0" borderId="0" xfId="0" applyFont="1" applyBorder="1" applyAlignment="1">
      <alignment vertical="center" shrinkToFit="1"/>
    </xf>
    <xf numFmtId="0" fontId="11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6" fillId="0" borderId="1" xfId="2" applyFont="1" applyFill="1" applyBorder="1" applyAlignment="1">
      <alignment horizontal="left" vertical="center"/>
    </xf>
    <xf numFmtId="0" fontId="12" fillId="0" borderId="1" xfId="2" applyFont="1" applyFill="1" applyBorder="1" applyAlignment="1">
      <alignment horizontal="left" vertical="center"/>
    </xf>
    <xf numFmtId="0" fontId="12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10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/>
    <cellStyle name="標準_Sheet1" xfId="2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2343150</xdr:colOff>
      <xdr:row>24</xdr:row>
      <xdr:rowOff>0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2057400" y="4622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E190"/>
  <sheetViews>
    <sheetView tabSelected="1" view="pageBreakPreview" zoomScale="60" zoomScaleNormal="100" workbookViewId="0">
      <pane ySplit="2" topLeftCell="A3" activePane="bottomLeft" state="frozen"/>
      <selection activeCell="B11" sqref="B11"/>
      <selection pane="bottomLeft" activeCell="D57" sqref="D57"/>
    </sheetView>
  </sheetViews>
  <sheetFormatPr defaultColWidth="9" defaultRowHeight="21" customHeight="1"/>
  <cols>
    <col min="1" max="1" width="4.09765625" style="9" bestFit="1" customWidth="1"/>
    <col min="2" max="2" width="17.09765625" style="10" customWidth="1"/>
    <col min="3" max="3" width="54.59765625" style="10" customWidth="1"/>
    <col min="4" max="4" width="62.59765625" style="10" customWidth="1"/>
    <col min="5" max="5" width="12.3984375" style="10" customWidth="1"/>
    <col min="6" max="16384" width="9" style="11"/>
  </cols>
  <sheetData>
    <row r="1" spans="1:5" ht="23.1" customHeight="1">
      <c r="A1" s="16" t="s">
        <v>183</v>
      </c>
      <c r="B1" s="16"/>
      <c r="C1" s="16"/>
      <c r="D1" s="16"/>
      <c r="E1" s="16"/>
    </row>
    <row r="2" spans="1:5" ht="21" customHeight="1">
      <c r="A2" s="5" t="s">
        <v>140</v>
      </c>
      <c r="B2" s="5" t="s">
        <v>84</v>
      </c>
      <c r="C2" s="5" t="s">
        <v>0</v>
      </c>
      <c r="D2" s="5" t="s">
        <v>1</v>
      </c>
      <c r="E2" s="5" t="s">
        <v>2</v>
      </c>
    </row>
    <row r="3" spans="1:5" ht="21" customHeight="1">
      <c r="A3" s="2">
        <v>1</v>
      </c>
      <c r="B3" s="12" t="s">
        <v>86</v>
      </c>
      <c r="C3" s="2" t="s">
        <v>154</v>
      </c>
      <c r="D3" s="2" t="s">
        <v>3</v>
      </c>
      <c r="E3" s="3" t="s">
        <v>85</v>
      </c>
    </row>
    <row r="4" spans="1:5" ht="21" customHeight="1">
      <c r="A4" s="2">
        <v>2</v>
      </c>
      <c r="B4" s="12" t="s">
        <v>87</v>
      </c>
      <c r="C4" s="2" t="s">
        <v>4</v>
      </c>
      <c r="D4" s="2" t="s">
        <v>5</v>
      </c>
      <c r="E4" s="3" t="s">
        <v>85</v>
      </c>
    </row>
    <row r="5" spans="1:5" ht="21" customHeight="1">
      <c r="A5" s="2">
        <v>3</v>
      </c>
      <c r="B5" s="12" t="s">
        <v>88</v>
      </c>
      <c r="C5" s="2" t="s">
        <v>137</v>
      </c>
      <c r="D5" s="2" t="s">
        <v>6</v>
      </c>
      <c r="E5" s="3" t="s">
        <v>85</v>
      </c>
    </row>
    <row r="6" spans="1:5" ht="21" customHeight="1">
      <c r="A6" s="2">
        <v>4</v>
      </c>
      <c r="B6" s="12" t="s">
        <v>89</v>
      </c>
      <c r="C6" s="2" t="s">
        <v>7</v>
      </c>
      <c r="D6" s="2" t="s">
        <v>8</v>
      </c>
      <c r="E6" s="3" t="s">
        <v>9</v>
      </c>
    </row>
    <row r="7" spans="1:5" ht="21" customHeight="1">
      <c r="A7" s="2">
        <v>5</v>
      </c>
      <c r="B7" s="12" t="s">
        <v>90</v>
      </c>
      <c r="C7" s="4" t="s">
        <v>136</v>
      </c>
      <c r="D7" s="4" t="s">
        <v>10</v>
      </c>
      <c r="E7" s="3" t="s">
        <v>85</v>
      </c>
    </row>
    <row r="8" spans="1:5" ht="21" customHeight="1">
      <c r="A8" s="2">
        <v>6</v>
      </c>
      <c r="B8" s="13" t="s">
        <v>91</v>
      </c>
      <c r="C8" s="6" t="s">
        <v>11</v>
      </c>
      <c r="D8" s="6" t="s">
        <v>12</v>
      </c>
      <c r="E8" s="7" t="s">
        <v>9</v>
      </c>
    </row>
    <row r="9" spans="1:5" ht="21" customHeight="1">
      <c r="A9" s="2">
        <v>7</v>
      </c>
      <c r="B9" s="13" t="s">
        <v>149</v>
      </c>
      <c r="C9" s="6" t="s">
        <v>147</v>
      </c>
      <c r="D9" s="6" t="s">
        <v>148</v>
      </c>
      <c r="E9" s="7" t="s">
        <v>9</v>
      </c>
    </row>
    <row r="10" spans="1:5" ht="21" customHeight="1">
      <c r="A10" s="2">
        <v>8</v>
      </c>
      <c r="B10" s="13" t="s">
        <v>92</v>
      </c>
      <c r="C10" s="6" t="s">
        <v>13</v>
      </c>
      <c r="D10" s="6" t="s">
        <v>14</v>
      </c>
      <c r="E10" s="7" t="s">
        <v>9</v>
      </c>
    </row>
    <row r="11" spans="1:5" ht="21" customHeight="1">
      <c r="A11" s="2">
        <v>9</v>
      </c>
      <c r="B11" s="13" t="s">
        <v>93</v>
      </c>
      <c r="C11" s="6" t="s">
        <v>138</v>
      </c>
      <c r="D11" s="6" t="s">
        <v>139</v>
      </c>
      <c r="E11" s="7" t="s">
        <v>9</v>
      </c>
    </row>
    <row r="12" spans="1:5" ht="21" customHeight="1">
      <c r="A12" s="2">
        <v>10</v>
      </c>
      <c r="B12" s="13" t="s">
        <v>94</v>
      </c>
      <c r="C12" s="6" t="s">
        <v>15</v>
      </c>
      <c r="D12" s="6" t="s">
        <v>16</v>
      </c>
      <c r="E12" s="7" t="s">
        <v>85</v>
      </c>
    </row>
    <row r="13" spans="1:5" ht="21" customHeight="1">
      <c r="A13" s="2">
        <v>11</v>
      </c>
      <c r="B13" s="13" t="s">
        <v>172</v>
      </c>
      <c r="C13" s="6" t="s">
        <v>169</v>
      </c>
      <c r="D13" s="6" t="s">
        <v>170</v>
      </c>
      <c r="E13" s="7" t="s">
        <v>171</v>
      </c>
    </row>
    <row r="14" spans="1:5" ht="21" customHeight="1">
      <c r="A14" s="2">
        <v>12</v>
      </c>
      <c r="B14" s="13" t="s">
        <v>95</v>
      </c>
      <c r="C14" s="6" t="s">
        <v>135</v>
      </c>
      <c r="D14" s="6" t="s">
        <v>17</v>
      </c>
      <c r="E14" s="7" t="s">
        <v>85</v>
      </c>
    </row>
    <row r="15" spans="1:5" ht="21" customHeight="1">
      <c r="A15" s="2">
        <v>13</v>
      </c>
      <c r="B15" s="14" t="s">
        <v>96</v>
      </c>
      <c r="C15" s="6" t="s">
        <v>134</v>
      </c>
      <c r="D15" s="6" t="s">
        <v>18</v>
      </c>
      <c r="E15" s="7" t="s">
        <v>85</v>
      </c>
    </row>
    <row r="16" spans="1:5" ht="21" customHeight="1">
      <c r="A16" s="2">
        <v>14</v>
      </c>
      <c r="B16" s="13" t="s">
        <v>97</v>
      </c>
      <c r="C16" s="6" t="s">
        <v>19</v>
      </c>
      <c r="D16" s="6" t="s">
        <v>20</v>
      </c>
      <c r="E16" s="7" t="s">
        <v>85</v>
      </c>
    </row>
    <row r="17" spans="1:5" ht="21" customHeight="1">
      <c r="A17" s="2">
        <v>15</v>
      </c>
      <c r="B17" s="13" t="s">
        <v>179</v>
      </c>
      <c r="C17" s="6" t="s">
        <v>176</v>
      </c>
      <c r="D17" s="6" t="s">
        <v>177</v>
      </c>
      <c r="E17" s="7" t="s">
        <v>178</v>
      </c>
    </row>
    <row r="18" spans="1:5" ht="21" customHeight="1">
      <c r="A18" s="2">
        <v>16</v>
      </c>
      <c r="B18" s="14" t="s">
        <v>98</v>
      </c>
      <c r="C18" s="6" t="s">
        <v>21</v>
      </c>
      <c r="D18" s="6" t="s">
        <v>22</v>
      </c>
      <c r="E18" s="7" t="s">
        <v>85</v>
      </c>
    </row>
    <row r="19" spans="1:5" ht="21" customHeight="1">
      <c r="A19" s="2">
        <v>17</v>
      </c>
      <c r="B19" s="14" t="s">
        <v>99</v>
      </c>
      <c r="C19" s="6" t="s">
        <v>23</v>
      </c>
      <c r="D19" s="6" t="s">
        <v>24</v>
      </c>
      <c r="E19" s="7" t="s">
        <v>9</v>
      </c>
    </row>
    <row r="20" spans="1:5" ht="21" customHeight="1">
      <c r="A20" s="2">
        <v>18</v>
      </c>
      <c r="B20" s="15" t="s">
        <v>182</v>
      </c>
      <c r="C20" s="2" t="s">
        <v>181</v>
      </c>
      <c r="D20" s="2" t="s">
        <v>180</v>
      </c>
      <c r="E20" s="3" t="s">
        <v>9</v>
      </c>
    </row>
    <row r="21" spans="1:5" ht="21" customHeight="1">
      <c r="A21" s="2">
        <v>19</v>
      </c>
      <c r="B21" s="14" t="s">
        <v>100</v>
      </c>
      <c r="C21" s="6" t="s">
        <v>25</v>
      </c>
      <c r="D21" s="6" t="s">
        <v>26</v>
      </c>
      <c r="E21" s="7" t="s">
        <v>9</v>
      </c>
    </row>
    <row r="22" spans="1:5" ht="21" customHeight="1">
      <c r="A22" s="2">
        <v>20</v>
      </c>
      <c r="B22" s="14" t="s">
        <v>129</v>
      </c>
      <c r="C22" s="6" t="s">
        <v>27</v>
      </c>
      <c r="D22" s="6" t="s">
        <v>28</v>
      </c>
      <c r="E22" s="7" t="s">
        <v>130</v>
      </c>
    </row>
    <row r="23" spans="1:5" ht="21" customHeight="1">
      <c r="A23" s="2">
        <v>21</v>
      </c>
      <c r="B23" s="14" t="s">
        <v>101</v>
      </c>
      <c r="C23" s="6" t="s">
        <v>29</v>
      </c>
      <c r="D23" s="6" t="s">
        <v>30</v>
      </c>
      <c r="E23" s="7" t="s">
        <v>85</v>
      </c>
    </row>
    <row r="24" spans="1:5" ht="21" customHeight="1">
      <c r="A24" s="2">
        <v>22</v>
      </c>
      <c r="B24" s="14" t="s">
        <v>102</v>
      </c>
      <c r="C24" s="6" t="s">
        <v>133</v>
      </c>
      <c r="D24" s="6" t="s">
        <v>31</v>
      </c>
      <c r="E24" s="7" t="s">
        <v>9</v>
      </c>
    </row>
    <row r="25" spans="1:5" ht="21" customHeight="1">
      <c r="A25" s="2">
        <v>23</v>
      </c>
      <c r="B25" s="14" t="s">
        <v>103</v>
      </c>
      <c r="C25" s="6" t="s">
        <v>32</v>
      </c>
      <c r="D25" s="6" t="s">
        <v>33</v>
      </c>
      <c r="E25" s="7" t="s">
        <v>9</v>
      </c>
    </row>
    <row r="26" spans="1:5" ht="21" customHeight="1">
      <c r="A26" s="2">
        <v>24</v>
      </c>
      <c r="B26" s="14" t="s">
        <v>152</v>
      </c>
      <c r="C26" s="6" t="s">
        <v>150</v>
      </c>
      <c r="D26" s="6" t="s">
        <v>151</v>
      </c>
      <c r="E26" s="7" t="s">
        <v>9</v>
      </c>
    </row>
    <row r="27" spans="1:5" ht="21" customHeight="1">
      <c r="A27" s="2">
        <v>25</v>
      </c>
      <c r="B27" s="14" t="s">
        <v>162</v>
      </c>
      <c r="C27" s="6" t="s">
        <v>160</v>
      </c>
      <c r="D27" s="6" t="s">
        <v>161</v>
      </c>
      <c r="E27" s="7" t="s">
        <v>9</v>
      </c>
    </row>
    <row r="28" spans="1:5" ht="21" customHeight="1">
      <c r="A28" s="2">
        <v>26</v>
      </c>
      <c r="B28" s="14" t="s">
        <v>168</v>
      </c>
      <c r="C28" s="6" t="s">
        <v>167</v>
      </c>
      <c r="D28" s="6" t="s">
        <v>166</v>
      </c>
      <c r="E28" s="7" t="s">
        <v>9</v>
      </c>
    </row>
    <row r="29" spans="1:5" ht="21" customHeight="1">
      <c r="A29" s="2">
        <v>27</v>
      </c>
      <c r="B29" s="14" t="s">
        <v>157</v>
      </c>
      <c r="C29" s="6" t="s">
        <v>155</v>
      </c>
      <c r="D29" s="6" t="s">
        <v>156</v>
      </c>
      <c r="E29" s="7" t="s">
        <v>9</v>
      </c>
    </row>
    <row r="30" spans="1:5" ht="21" customHeight="1">
      <c r="A30" s="2">
        <v>28</v>
      </c>
      <c r="B30" s="14" t="s">
        <v>104</v>
      </c>
      <c r="C30" s="6" t="s">
        <v>34</v>
      </c>
      <c r="D30" s="6" t="s">
        <v>35</v>
      </c>
      <c r="E30" s="7" t="s">
        <v>9</v>
      </c>
    </row>
    <row r="31" spans="1:5" ht="21" customHeight="1">
      <c r="A31" s="2">
        <v>29</v>
      </c>
      <c r="B31" s="14" t="s">
        <v>105</v>
      </c>
      <c r="C31" s="6" t="s">
        <v>36</v>
      </c>
      <c r="D31" s="6" t="s">
        <v>37</v>
      </c>
      <c r="E31" s="7" t="s">
        <v>85</v>
      </c>
    </row>
    <row r="32" spans="1:5" ht="21" customHeight="1">
      <c r="A32" s="2">
        <v>30</v>
      </c>
      <c r="B32" s="14" t="s">
        <v>106</v>
      </c>
      <c r="C32" s="6" t="s">
        <v>38</v>
      </c>
      <c r="D32" s="6" t="s">
        <v>39</v>
      </c>
      <c r="E32" s="7" t="s">
        <v>9</v>
      </c>
    </row>
    <row r="33" spans="1:5" ht="21" customHeight="1">
      <c r="A33" s="2">
        <v>31</v>
      </c>
      <c r="B33" s="14" t="s">
        <v>107</v>
      </c>
      <c r="C33" s="6" t="s">
        <v>40</v>
      </c>
      <c r="D33" s="6" t="s">
        <v>41</v>
      </c>
      <c r="E33" s="7" t="s">
        <v>9</v>
      </c>
    </row>
    <row r="34" spans="1:5" ht="21" customHeight="1">
      <c r="A34" s="2">
        <v>32</v>
      </c>
      <c r="B34" s="14" t="s">
        <v>108</v>
      </c>
      <c r="C34" s="6" t="s">
        <v>42</v>
      </c>
      <c r="D34" s="6" t="s">
        <v>43</v>
      </c>
      <c r="E34" s="7" t="s">
        <v>85</v>
      </c>
    </row>
    <row r="35" spans="1:5" ht="21" customHeight="1">
      <c r="A35" s="2">
        <v>33</v>
      </c>
      <c r="B35" s="14" t="s">
        <v>109</v>
      </c>
      <c r="C35" s="6" t="s">
        <v>44</v>
      </c>
      <c r="D35" s="6" t="s">
        <v>43</v>
      </c>
      <c r="E35" s="7" t="s">
        <v>9</v>
      </c>
    </row>
    <row r="36" spans="1:5" ht="21" customHeight="1">
      <c r="A36" s="2">
        <v>34</v>
      </c>
      <c r="B36" s="14" t="s">
        <v>110</v>
      </c>
      <c r="C36" s="6" t="s">
        <v>45</v>
      </c>
      <c r="D36" s="6" t="s">
        <v>46</v>
      </c>
      <c r="E36" s="7" t="s">
        <v>9</v>
      </c>
    </row>
    <row r="37" spans="1:5" ht="21" customHeight="1">
      <c r="A37" s="2">
        <v>35</v>
      </c>
      <c r="B37" s="14" t="s">
        <v>111</v>
      </c>
      <c r="C37" s="6" t="s">
        <v>47</v>
      </c>
      <c r="D37" s="6" t="s">
        <v>48</v>
      </c>
      <c r="E37" s="7" t="s">
        <v>9</v>
      </c>
    </row>
    <row r="38" spans="1:5" ht="21" customHeight="1">
      <c r="A38" s="2">
        <v>36</v>
      </c>
      <c r="B38" s="14" t="s">
        <v>175</v>
      </c>
      <c r="C38" s="6" t="s">
        <v>173</v>
      </c>
      <c r="D38" s="6" t="s">
        <v>174</v>
      </c>
      <c r="E38" s="7" t="s">
        <v>9</v>
      </c>
    </row>
    <row r="39" spans="1:5" ht="21" customHeight="1">
      <c r="A39" s="2">
        <v>37</v>
      </c>
      <c r="B39" s="14" t="s">
        <v>112</v>
      </c>
      <c r="C39" s="6" t="s">
        <v>49</v>
      </c>
      <c r="D39" s="6" t="s">
        <v>50</v>
      </c>
      <c r="E39" s="7" t="s">
        <v>9</v>
      </c>
    </row>
    <row r="40" spans="1:5" ht="21" customHeight="1">
      <c r="A40" s="2">
        <v>38</v>
      </c>
      <c r="B40" s="14" t="s">
        <v>113</v>
      </c>
      <c r="C40" s="6" t="s">
        <v>51</v>
      </c>
      <c r="D40" s="6" t="s">
        <v>52</v>
      </c>
      <c r="E40" s="7" t="s">
        <v>85</v>
      </c>
    </row>
    <row r="41" spans="1:5" ht="33.6" customHeight="1">
      <c r="A41" s="2">
        <v>39</v>
      </c>
      <c r="B41" s="14" t="s">
        <v>159</v>
      </c>
      <c r="C41" s="8" t="s">
        <v>158</v>
      </c>
      <c r="D41" s="6" t="s">
        <v>53</v>
      </c>
      <c r="E41" s="7" t="s">
        <v>85</v>
      </c>
    </row>
    <row r="42" spans="1:5" ht="21" customHeight="1">
      <c r="A42" s="2">
        <v>40</v>
      </c>
      <c r="B42" s="14" t="s">
        <v>114</v>
      </c>
      <c r="C42" s="6" t="s">
        <v>54</v>
      </c>
      <c r="D42" s="6" t="s">
        <v>55</v>
      </c>
      <c r="E42" s="7" t="s">
        <v>85</v>
      </c>
    </row>
    <row r="43" spans="1:5" ht="21" customHeight="1">
      <c r="A43" s="2">
        <v>41</v>
      </c>
      <c r="B43" s="14" t="s">
        <v>165</v>
      </c>
      <c r="C43" s="6" t="s">
        <v>163</v>
      </c>
      <c r="D43" s="6" t="s">
        <v>164</v>
      </c>
      <c r="E43" s="7" t="s">
        <v>9</v>
      </c>
    </row>
    <row r="44" spans="1:5" ht="21" customHeight="1">
      <c r="A44" s="2">
        <v>42</v>
      </c>
      <c r="B44" s="14" t="s">
        <v>141</v>
      </c>
      <c r="C44" s="6" t="s">
        <v>56</v>
      </c>
      <c r="D44" s="6" t="s">
        <v>57</v>
      </c>
      <c r="E44" s="7" t="s">
        <v>85</v>
      </c>
    </row>
    <row r="45" spans="1:5" ht="21" customHeight="1">
      <c r="A45" s="2">
        <v>43</v>
      </c>
      <c r="B45" s="15" t="s">
        <v>146</v>
      </c>
      <c r="C45" s="2" t="s">
        <v>144</v>
      </c>
      <c r="D45" s="2" t="s">
        <v>145</v>
      </c>
      <c r="E45" s="3" t="s">
        <v>9</v>
      </c>
    </row>
    <row r="46" spans="1:5" ht="21" customHeight="1">
      <c r="A46" s="2">
        <v>44</v>
      </c>
      <c r="B46" s="15" t="s">
        <v>115</v>
      </c>
      <c r="C46" s="2" t="s">
        <v>58</v>
      </c>
      <c r="D46" s="2" t="s">
        <v>59</v>
      </c>
      <c r="E46" s="3" t="s">
        <v>9</v>
      </c>
    </row>
    <row r="47" spans="1:5" ht="21" customHeight="1">
      <c r="A47" s="2">
        <v>45</v>
      </c>
      <c r="B47" s="15" t="s">
        <v>116</v>
      </c>
      <c r="C47" s="2" t="s">
        <v>132</v>
      </c>
      <c r="D47" s="2" t="s">
        <v>60</v>
      </c>
      <c r="E47" s="3" t="s">
        <v>9</v>
      </c>
    </row>
    <row r="48" spans="1:5" ht="21" customHeight="1">
      <c r="A48" s="2">
        <v>46</v>
      </c>
      <c r="B48" s="15" t="s">
        <v>117</v>
      </c>
      <c r="C48" s="2" t="s">
        <v>61</v>
      </c>
      <c r="D48" s="2" t="s">
        <v>62</v>
      </c>
      <c r="E48" s="3" t="s">
        <v>9</v>
      </c>
    </row>
    <row r="49" spans="1:5" ht="21" customHeight="1">
      <c r="A49" s="2">
        <v>47</v>
      </c>
      <c r="B49" s="15" t="s">
        <v>118</v>
      </c>
      <c r="C49" s="2" t="s">
        <v>63</v>
      </c>
      <c r="D49" s="2" t="s">
        <v>64</v>
      </c>
      <c r="E49" s="3" t="s">
        <v>9</v>
      </c>
    </row>
    <row r="50" spans="1:5" ht="21" customHeight="1">
      <c r="A50" s="2">
        <v>48</v>
      </c>
      <c r="B50" s="15" t="s">
        <v>119</v>
      </c>
      <c r="C50" s="2" t="s">
        <v>65</v>
      </c>
      <c r="D50" s="2" t="s">
        <v>66</v>
      </c>
      <c r="E50" s="3" t="s">
        <v>9</v>
      </c>
    </row>
    <row r="51" spans="1:5" ht="21" customHeight="1">
      <c r="A51" s="2">
        <v>49</v>
      </c>
      <c r="B51" s="15" t="s">
        <v>120</v>
      </c>
      <c r="C51" s="2" t="s">
        <v>131</v>
      </c>
      <c r="D51" s="2" t="s">
        <v>67</v>
      </c>
      <c r="E51" s="3" t="s">
        <v>9</v>
      </c>
    </row>
    <row r="52" spans="1:5" ht="21" customHeight="1">
      <c r="A52" s="2">
        <v>50</v>
      </c>
      <c r="B52" s="15" t="s">
        <v>121</v>
      </c>
      <c r="C52" s="2" t="s">
        <v>68</v>
      </c>
      <c r="D52" s="2" t="s">
        <v>69</v>
      </c>
      <c r="E52" s="3" t="s">
        <v>9</v>
      </c>
    </row>
    <row r="53" spans="1:5" ht="21" customHeight="1">
      <c r="A53" s="2">
        <v>51</v>
      </c>
      <c r="B53" s="15" t="s">
        <v>122</v>
      </c>
      <c r="C53" s="2" t="s">
        <v>70</v>
      </c>
      <c r="D53" s="2" t="s">
        <v>71</v>
      </c>
      <c r="E53" s="3" t="s">
        <v>9</v>
      </c>
    </row>
    <row r="54" spans="1:5" ht="21" customHeight="1">
      <c r="A54" s="2">
        <v>52</v>
      </c>
      <c r="B54" s="15" t="s">
        <v>123</v>
      </c>
      <c r="C54" s="2" t="s">
        <v>72</v>
      </c>
      <c r="D54" s="2" t="s">
        <v>73</v>
      </c>
      <c r="E54" s="3" t="s">
        <v>9</v>
      </c>
    </row>
    <row r="55" spans="1:5" ht="21" customHeight="1">
      <c r="A55" s="2">
        <v>53</v>
      </c>
      <c r="B55" s="15" t="s">
        <v>124</v>
      </c>
      <c r="C55" s="2" t="s">
        <v>74</v>
      </c>
      <c r="D55" s="2" t="s">
        <v>75</v>
      </c>
      <c r="E55" s="3" t="s">
        <v>85</v>
      </c>
    </row>
    <row r="56" spans="1:5" ht="21" customHeight="1">
      <c r="A56" s="2">
        <v>54</v>
      </c>
      <c r="B56" s="15" t="s">
        <v>125</v>
      </c>
      <c r="C56" s="2" t="s">
        <v>76</v>
      </c>
      <c r="D56" s="2" t="s">
        <v>77</v>
      </c>
      <c r="E56" s="3" t="s">
        <v>85</v>
      </c>
    </row>
    <row r="57" spans="1:5" ht="21" customHeight="1">
      <c r="A57" s="2">
        <v>55</v>
      </c>
      <c r="B57" s="15" t="s">
        <v>126</v>
      </c>
      <c r="C57" s="2" t="s">
        <v>78</v>
      </c>
      <c r="D57" s="2" t="s">
        <v>79</v>
      </c>
      <c r="E57" s="3" t="s">
        <v>9</v>
      </c>
    </row>
    <row r="58" spans="1:5" ht="21" customHeight="1">
      <c r="A58" s="2">
        <v>56</v>
      </c>
      <c r="B58" s="15" t="s">
        <v>127</v>
      </c>
      <c r="C58" s="2" t="s">
        <v>80</v>
      </c>
      <c r="D58" s="2" t="s">
        <v>81</v>
      </c>
      <c r="E58" s="3" t="s">
        <v>85</v>
      </c>
    </row>
    <row r="59" spans="1:5" ht="21" customHeight="1">
      <c r="A59" s="2">
        <v>57</v>
      </c>
      <c r="B59" s="15" t="s">
        <v>128</v>
      </c>
      <c r="C59" s="2" t="s">
        <v>82</v>
      </c>
      <c r="D59" s="2" t="s">
        <v>83</v>
      </c>
      <c r="E59" s="3" t="s">
        <v>85</v>
      </c>
    </row>
    <row r="60" spans="1:5" ht="21" customHeight="1">
      <c r="A60" s="2">
        <v>58</v>
      </c>
      <c r="B60" s="1" t="s">
        <v>143</v>
      </c>
      <c r="C60" s="1" t="s">
        <v>153</v>
      </c>
      <c r="D60" s="1" t="s">
        <v>142</v>
      </c>
      <c r="E60" s="3" t="s">
        <v>85</v>
      </c>
    </row>
    <row r="61" spans="1:5" ht="21" customHeight="1">
      <c r="C61" s="9"/>
      <c r="D61" s="9"/>
      <c r="E61" s="9"/>
    </row>
    <row r="62" spans="1:5" ht="21" customHeight="1">
      <c r="C62" s="9"/>
      <c r="D62" s="9"/>
      <c r="E62" s="9"/>
    </row>
    <row r="63" spans="1:5" ht="21" customHeight="1">
      <c r="C63" s="9"/>
      <c r="D63" s="9"/>
      <c r="E63" s="9"/>
    </row>
    <row r="64" spans="1:5" ht="21" customHeight="1">
      <c r="C64" s="9"/>
      <c r="D64" s="9"/>
      <c r="E64" s="9"/>
    </row>
    <row r="65" spans="3:5" ht="21" customHeight="1">
      <c r="C65" s="9"/>
      <c r="D65" s="9"/>
      <c r="E65" s="9"/>
    </row>
    <row r="66" spans="3:5" ht="21" customHeight="1">
      <c r="C66" s="9"/>
      <c r="D66" s="9"/>
      <c r="E66" s="9"/>
    </row>
    <row r="67" spans="3:5" ht="21" customHeight="1">
      <c r="C67" s="9"/>
      <c r="D67" s="9"/>
      <c r="E67" s="9"/>
    </row>
    <row r="68" spans="3:5" ht="21" customHeight="1">
      <c r="C68" s="9"/>
      <c r="D68" s="9"/>
      <c r="E68" s="9"/>
    </row>
    <row r="69" spans="3:5" ht="21" customHeight="1">
      <c r="C69" s="9"/>
      <c r="D69" s="9"/>
      <c r="E69" s="9"/>
    </row>
    <row r="70" spans="3:5" ht="21" customHeight="1">
      <c r="C70" s="9"/>
      <c r="D70" s="9"/>
      <c r="E70" s="9"/>
    </row>
    <row r="71" spans="3:5" ht="21" customHeight="1">
      <c r="C71" s="9"/>
      <c r="D71" s="9"/>
      <c r="E71" s="9"/>
    </row>
    <row r="72" spans="3:5" ht="21" customHeight="1">
      <c r="C72" s="9"/>
      <c r="D72" s="9"/>
      <c r="E72" s="9"/>
    </row>
    <row r="73" spans="3:5" ht="21" customHeight="1">
      <c r="C73" s="9"/>
      <c r="D73" s="9"/>
      <c r="E73" s="9"/>
    </row>
    <row r="74" spans="3:5" ht="21" customHeight="1">
      <c r="C74" s="9"/>
      <c r="D74" s="9"/>
      <c r="E74" s="9"/>
    </row>
    <row r="75" spans="3:5" ht="21" customHeight="1">
      <c r="C75" s="9"/>
      <c r="D75" s="9"/>
      <c r="E75" s="9"/>
    </row>
    <row r="76" spans="3:5" ht="21" customHeight="1">
      <c r="C76" s="9"/>
      <c r="D76" s="9"/>
      <c r="E76" s="9"/>
    </row>
    <row r="77" spans="3:5" ht="21" customHeight="1">
      <c r="C77" s="9"/>
      <c r="D77" s="9"/>
      <c r="E77" s="9"/>
    </row>
    <row r="78" spans="3:5" ht="21" customHeight="1">
      <c r="C78" s="9"/>
      <c r="D78" s="9"/>
      <c r="E78" s="9"/>
    </row>
    <row r="79" spans="3:5" ht="21" customHeight="1">
      <c r="C79" s="9"/>
      <c r="D79" s="9"/>
      <c r="E79" s="9"/>
    </row>
    <row r="80" spans="3:5" ht="21" customHeight="1">
      <c r="C80" s="9"/>
      <c r="D80" s="9"/>
      <c r="E80" s="9"/>
    </row>
    <row r="81" spans="3:5" ht="21" customHeight="1">
      <c r="C81" s="9"/>
      <c r="D81" s="9"/>
      <c r="E81" s="9"/>
    </row>
    <row r="82" spans="3:5" ht="21" customHeight="1">
      <c r="C82" s="9"/>
      <c r="D82" s="9"/>
      <c r="E82" s="9"/>
    </row>
    <row r="83" spans="3:5" ht="21" customHeight="1">
      <c r="C83" s="9"/>
      <c r="D83" s="9"/>
      <c r="E83" s="9"/>
    </row>
    <row r="84" spans="3:5" ht="21" customHeight="1">
      <c r="C84" s="9"/>
      <c r="D84" s="9"/>
      <c r="E84" s="9"/>
    </row>
    <row r="85" spans="3:5" ht="21" customHeight="1">
      <c r="C85" s="9"/>
      <c r="D85" s="9"/>
      <c r="E85" s="9"/>
    </row>
    <row r="86" spans="3:5" ht="21" customHeight="1">
      <c r="C86" s="9"/>
      <c r="D86" s="9"/>
      <c r="E86" s="9"/>
    </row>
    <row r="87" spans="3:5" ht="21" customHeight="1">
      <c r="C87" s="9"/>
      <c r="D87" s="9"/>
      <c r="E87" s="9"/>
    </row>
    <row r="88" spans="3:5" ht="21" customHeight="1">
      <c r="C88" s="9"/>
      <c r="D88" s="9"/>
      <c r="E88" s="9"/>
    </row>
    <row r="89" spans="3:5" ht="21" customHeight="1">
      <c r="C89" s="9"/>
      <c r="D89" s="9"/>
      <c r="E89" s="9"/>
    </row>
    <row r="90" spans="3:5" ht="21" customHeight="1">
      <c r="C90" s="9"/>
      <c r="D90" s="9"/>
      <c r="E90" s="9"/>
    </row>
    <row r="91" spans="3:5" ht="21" customHeight="1">
      <c r="C91" s="9"/>
      <c r="D91" s="9"/>
      <c r="E91" s="9"/>
    </row>
    <row r="92" spans="3:5" ht="21" customHeight="1">
      <c r="C92" s="9"/>
      <c r="D92" s="9"/>
      <c r="E92" s="9"/>
    </row>
    <row r="93" spans="3:5" ht="21" customHeight="1">
      <c r="C93" s="9"/>
      <c r="D93" s="9"/>
      <c r="E93" s="9"/>
    </row>
    <row r="94" spans="3:5" ht="21" customHeight="1">
      <c r="C94" s="9"/>
      <c r="D94" s="9"/>
      <c r="E94" s="9"/>
    </row>
    <row r="95" spans="3:5" ht="21" customHeight="1">
      <c r="C95" s="9"/>
      <c r="D95" s="9"/>
      <c r="E95" s="9"/>
    </row>
    <row r="96" spans="3:5" ht="21" customHeight="1">
      <c r="C96" s="9"/>
      <c r="D96" s="9"/>
      <c r="E96" s="9"/>
    </row>
    <row r="97" spans="3:5" ht="21" customHeight="1">
      <c r="C97" s="9"/>
      <c r="D97" s="9"/>
      <c r="E97" s="9"/>
    </row>
    <row r="98" spans="3:5" ht="21" customHeight="1">
      <c r="C98" s="9"/>
      <c r="D98" s="9"/>
      <c r="E98" s="9"/>
    </row>
    <row r="99" spans="3:5" ht="21" customHeight="1">
      <c r="C99" s="9"/>
      <c r="D99" s="9"/>
      <c r="E99" s="9"/>
    </row>
    <row r="100" spans="3:5" ht="21" customHeight="1">
      <c r="C100" s="9"/>
      <c r="D100" s="9"/>
      <c r="E100" s="9"/>
    </row>
    <row r="101" spans="3:5" ht="21" customHeight="1">
      <c r="C101" s="9"/>
      <c r="D101" s="9"/>
      <c r="E101" s="9"/>
    </row>
    <row r="102" spans="3:5" ht="21" customHeight="1">
      <c r="C102" s="9"/>
      <c r="D102" s="9"/>
      <c r="E102" s="9"/>
    </row>
    <row r="103" spans="3:5" ht="21" customHeight="1">
      <c r="C103" s="9"/>
      <c r="D103" s="9"/>
      <c r="E103" s="9"/>
    </row>
    <row r="104" spans="3:5" ht="21" customHeight="1">
      <c r="C104" s="9"/>
      <c r="D104" s="9"/>
      <c r="E104" s="9"/>
    </row>
    <row r="105" spans="3:5" ht="21" customHeight="1">
      <c r="C105" s="9"/>
      <c r="D105" s="9"/>
      <c r="E105" s="9"/>
    </row>
    <row r="106" spans="3:5" ht="21" customHeight="1">
      <c r="C106" s="9"/>
      <c r="D106" s="9"/>
      <c r="E106" s="9"/>
    </row>
    <row r="107" spans="3:5" ht="21" customHeight="1">
      <c r="C107" s="9"/>
      <c r="D107" s="9"/>
      <c r="E107" s="9"/>
    </row>
    <row r="108" spans="3:5" ht="21" customHeight="1">
      <c r="C108" s="9"/>
      <c r="D108" s="9"/>
      <c r="E108" s="9"/>
    </row>
    <row r="109" spans="3:5" ht="21" customHeight="1">
      <c r="C109" s="9"/>
      <c r="D109" s="9"/>
      <c r="E109" s="9"/>
    </row>
    <row r="110" spans="3:5" ht="21" customHeight="1">
      <c r="C110" s="9"/>
      <c r="D110" s="9"/>
      <c r="E110" s="9"/>
    </row>
    <row r="111" spans="3:5" ht="21" customHeight="1">
      <c r="C111" s="9"/>
      <c r="D111" s="9"/>
      <c r="E111" s="9"/>
    </row>
    <row r="112" spans="3:5" ht="21" customHeight="1">
      <c r="C112" s="9"/>
      <c r="D112" s="9"/>
      <c r="E112" s="9"/>
    </row>
    <row r="113" spans="3:5" ht="21" customHeight="1">
      <c r="C113" s="9"/>
      <c r="D113" s="9"/>
      <c r="E113" s="9"/>
    </row>
    <row r="114" spans="3:5" ht="21" customHeight="1">
      <c r="C114" s="9"/>
      <c r="D114" s="9"/>
      <c r="E114" s="9"/>
    </row>
    <row r="115" spans="3:5" ht="21" customHeight="1">
      <c r="C115" s="9"/>
      <c r="D115" s="9"/>
      <c r="E115" s="9"/>
    </row>
    <row r="116" spans="3:5" ht="21" customHeight="1">
      <c r="C116" s="9"/>
      <c r="D116" s="9"/>
      <c r="E116" s="9"/>
    </row>
    <row r="117" spans="3:5" ht="21" customHeight="1">
      <c r="C117" s="9"/>
      <c r="D117" s="9"/>
      <c r="E117" s="9"/>
    </row>
    <row r="118" spans="3:5" ht="21" customHeight="1">
      <c r="C118" s="9"/>
      <c r="D118" s="9"/>
      <c r="E118" s="9"/>
    </row>
    <row r="119" spans="3:5" ht="21" customHeight="1">
      <c r="C119" s="9"/>
      <c r="D119" s="9"/>
      <c r="E119" s="9"/>
    </row>
    <row r="120" spans="3:5" ht="21" customHeight="1">
      <c r="C120" s="9"/>
      <c r="D120" s="9"/>
      <c r="E120" s="9"/>
    </row>
    <row r="121" spans="3:5" ht="21" customHeight="1">
      <c r="C121" s="9"/>
      <c r="D121" s="9"/>
      <c r="E121" s="9"/>
    </row>
    <row r="122" spans="3:5" ht="21" customHeight="1">
      <c r="C122" s="9"/>
      <c r="D122" s="9"/>
      <c r="E122" s="9"/>
    </row>
    <row r="123" spans="3:5" ht="21" customHeight="1">
      <c r="C123" s="9"/>
      <c r="D123" s="9"/>
      <c r="E123" s="9"/>
    </row>
    <row r="124" spans="3:5" ht="21" customHeight="1">
      <c r="C124" s="9"/>
      <c r="D124" s="9"/>
      <c r="E124" s="9"/>
    </row>
    <row r="125" spans="3:5" ht="21" customHeight="1">
      <c r="C125" s="9"/>
      <c r="D125" s="9"/>
      <c r="E125" s="9"/>
    </row>
    <row r="126" spans="3:5" ht="21" customHeight="1">
      <c r="C126" s="9"/>
      <c r="D126" s="9"/>
      <c r="E126" s="9"/>
    </row>
    <row r="127" spans="3:5" ht="21" customHeight="1">
      <c r="C127" s="9"/>
      <c r="D127" s="9"/>
      <c r="E127" s="9"/>
    </row>
    <row r="128" spans="3:5" ht="21" customHeight="1">
      <c r="C128" s="9"/>
      <c r="D128" s="9"/>
      <c r="E128" s="9"/>
    </row>
    <row r="129" spans="3:5" ht="21" customHeight="1">
      <c r="C129" s="9"/>
      <c r="D129" s="9"/>
      <c r="E129" s="9"/>
    </row>
    <row r="130" spans="3:5" ht="21" customHeight="1">
      <c r="C130" s="9"/>
      <c r="D130" s="9"/>
      <c r="E130" s="9"/>
    </row>
    <row r="131" spans="3:5" ht="21" customHeight="1">
      <c r="C131" s="9"/>
      <c r="D131" s="9"/>
      <c r="E131" s="9"/>
    </row>
    <row r="132" spans="3:5" ht="21" customHeight="1">
      <c r="C132" s="9"/>
      <c r="D132" s="9"/>
      <c r="E132" s="9"/>
    </row>
    <row r="133" spans="3:5" ht="21" customHeight="1">
      <c r="C133" s="9"/>
      <c r="D133" s="9"/>
      <c r="E133" s="9"/>
    </row>
    <row r="134" spans="3:5" ht="21" customHeight="1">
      <c r="C134" s="9"/>
      <c r="D134" s="9"/>
      <c r="E134" s="9"/>
    </row>
    <row r="135" spans="3:5" ht="21" customHeight="1">
      <c r="C135" s="9"/>
      <c r="D135" s="9"/>
      <c r="E135" s="9"/>
    </row>
    <row r="136" spans="3:5" ht="21" customHeight="1">
      <c r="C136" s="9"/>
      <c r="D136" s="9"/>
      <c r="E136" s="9"/>
    </row>
    <row r="137" spans="3:5" ht="21" customHeight="1">
      <c r="C137" s="9"/>
      <c r="D137" s="9"/>
      <c r="E137" s="9"/>
    </row>
    <row r="138" spans="3:5" ht="21" customHeight="1">
      <c r="C138" s="9"/>
      <c r="D138" s="9"/>
      <c r="E138" s="9"/>
    </row>
    <row r="139" spans="3:5" ht="21" customHeight="1">
      <c r="C139" s="9"/>
      <c r="D139" s="9"/>
      <c r="E139" s="9"/>
    </row>
    <row r="140" spans="3:5" ht="21" customHeight="1">
      <c r="C140" s="9"/>
      <c r="D140" s="9"/>
      <c r="E140" s="9"/>
    </row>
    <row r="141" spans="3:5" ht="21" customHeight="1">
      <c r="C141" s="9"/>
      <c r="D141" s="9"/>
      <c r="E141" s="9"/>
    </row>
    <row r="142" spans="3:5" ht="21" customHeight="1">
      <c r="C142" s="9"/>
      <c r="D142" s="9"/>
      <c r="E142" s="9"/>
    </row>
    <row r="143" spans="3:5" ht="21" customHeight="1">
      <c r="C143" s="9"/>
      <c r="D143" s="9"/>
      <c r="E143" s="9"/>
    </row>
    <row r="144" spans="3:5" ht="21" customHeight="1">
      <c r="C144" s="9"/>
      <c r="D144" s="9"/>
      <c r="E144" s="9"/>
    </row>
    <row r="145" spans="3:5" ht="21" customHeight="1">
      <c r="C145" s="9"/>
      <c r="D145" s="9"/>
      <c r="E145" s="9"/>
    </row>
    <row r="146" spans="3:5" ht="21" customHeight="1">
      <c r="C146" s="9"/>
      <c r="D146" s="9"/>
      <c r="E146" s="9"/>
    </row>
    <row r="147" spans="3:5" ht="21" customHeight="1">
      <c r="C147" s="9"/>
      <c r="D147" s="9"/>
      <c r="E147" s="9"/>
    </row>
    <row r="148" spans="3:5" ht="21" customHeight="1">
      <c r="C148" s="9"/>
      <c r="D148" s="9"/>
      <c r="E148" s="9"/>
    </row>
    <row r="149" spans="3:5" ht="21" customHeight="1">
      <c r="C149" s="9"/>
      <c r="D149" s="9"/>
      <c r="E149" s="9"/>
    </row>
    <row r="150" spans="3:5" ht="21" customHeight="1">
      <c r="C150" s="9"/>
      <c r="D150" s="9"/>
      <c r="E150" s="9"/>
    </row>
    <row r="151" spans="3:5" ht="21" customHeight="1">
      <c r="C151" s="9"/>
      <c r="D151" s="9"/>
      <c r="E151" s="9"/>
    </row>
    <row r="152" spans="3:5" ht="21" customHeight="1">
      <c r="C152" s="9"/>
      <c r="D152" s="9"/>
      <c r="E152" s="9"/>
    </row>
    <row r="153" spans="3:5" ht="21" customHeight="1">
      <c r="C153" s="9"/>
      <c r="D153" s="9"/>
      <c r="E153" s="9"/>
    </row>
    <row r="154" spans="3:5" ht="21" customHeight="1">
      <c r="C154" s="9"/>
      <c r="D154" s="9"/>
      <c r="E154" s="9"/>
    </row>
    <row r="155" spans="3:5" ht="21" customHeight="1">
      <c r="C155" s="9"/>
      <c r="D155" s="9"/>
      <c r="E155" s="9"/>
    </row>
    <row r="156" spans="3:5" ht="21" customHeight="1">
      <c r="C156" s="9"/>
      <c r="D156" s="9"/>
      <c r="E156" s="9"/>
    </row>
    <row r="157" spans="3:5" ht="21" customHeight="1">
      <c r="C157" s="9"/>
      <c r="D157" s="9"/>
      <c r="E157" s="9"/>
    </row>
    <row r="158" spans="3:5" ht="21" customHeight="1">
      <c r="C158" s="9"/>
      <c r="D158" s="9"/>
      <c r="E158" s="9"/>
    </row>
    <row r="159" spans="3:5" ht="21" customHeight="1">
      <c r="C159" s="9"/>
      <c r="D159" s="9"/>
      <c r="E159" s="9"/>
    </row>
    <row r="160" spans="3:5" ht="21" customHeight="1">
      <c r="C160" s="9"/>
      <c r="D160" s="9"/>
      <c r="E160" s="9"/>
    </row>
    <row r="161" spans="3:5" ht="21" customHeight="1">
      <c r="C161" s="9"/>
      <c r="D161" s="9"/>
      <c r="E161" s="9"/>
    </row>
    <row r="162" spans="3:5" ht="21" customHeight="1">
      <c r="C162" s="9"/>
      <c r="D162" s="9"/>
      <c r="E162" s="9"/>
    </row>
    <row r="163" spans="3:5" ht="21" customHeight="1">
      <c r="C163" s="9"/>
      <c r="D163" s="9"/>
      <c r="E163" s="9"/>
    </row>
    <row r="164" spans="3:5" ht="21" customHeight="1">
      <c r="C164" s="9"/>
      <c r="D164" s="9"/>
      <c r="E164" s="9"/>
    </row>
    <row r="165" spans="3:5" ht="21" customHeight="1">
      <c r="C165" s="9"/>
      <c r="D165" s="9"/>
      <c r="E165" s="9"/>
    </row>
    <row r="166" spans="3:5" ht="21" customHeight="1">
      <c r="C166" s="9"/>
      <c r="D166" s="9"/>
      <c r="E166" s="9"/>
    </row>
    <row r="167" spans="3:5" ht="21" customHeight="1">
      <c r="C167" s="9"/>
      <c r="D167" s="9"/>
      <c r="E167" s="9"/>
    </row>
    <row r="168" spans="3:5" ht="21" customHeight="1">
      <c r="C168" s="9"/>
      <c r="D168" s="9"/>
      <c r="E168" s="9"/>
    </row>
    <row r="169" spans="3:5" ht="21" customHeight="1">
      <c r="C169" s="9"/>
      <c r="D169" s="9"/>
      <c r="E169" s="9"/>
    </row>
    <row r="170" spans="3:5" ht="21" customHeight="1">
      <c r="C170" s="9"/>
      <c r="D170" s="9"/>
      <c r="E170" s="9"/>
    </row>
    <row r="171" spans="3:5" ht="21" customHeight="1">
      <c r="C171" s="9"/>
      <c r="D171" s="9"/>
      <c r="E171" s="9"/>
    </row>
    <row r="172" spans="3:5" ht="21" customHeight="1">
      <c r="C172" s="9"/>
      <c r="D172" s="9"/>
      <c r="E172" s="9"/>
    </row>
    <row r="173" spans="3:5" ht="21" customHeight="1">
      <c r="C173" s="9"/>
      <c r="D173" s="9"/>
      <c r="E173" s="9"/>
    </row>
    <row r="174" spans="3:5" ht="21" customHeight="1">
      <c r="C174" s="9"/>
      <c r="D174" s="9"/>
      <c r="E174" s="9"/>
    </row>
    <row r="175" spans="3:5" ht="21" customHeight="1">
      <c r="C175" s="9"/>
      <c r="D175" s="9"/>
      <c r="E175" s="9"/>
    </row>
    <row r="176" spans="3:5" ht="21" customHeight="1">
      <c r="C176" s="9"/>
      <c r="D176" s="9"/>
      <c r="E176" s="9"/>
    </row>
    <row r="177" spans="3:5" ht="21" customHeight="1">
      <c r="C177" s="9"/>
      <c r="D177" s="9"/>
      <c r="E177" s="9"/>
    </row>
    <row r="178" spans="3:5" ht="21" customHeight="1">
      <c r="C178" s="9"/>
      <c r="D178" s="9"/>
      <c r="E178" s="9"/>
    </row>
    <row r="179" spans="3:5" ht="21" customHeight="1">
      <c r="C179" s="9"/>
      <c r="D179" s="9"/>
      <c r="E179" s="9"/>
    </row>
    <row r="180" spans="3:5" ht="21" customHeight="1">
      <c r="C180" s="9"/>
      <c r="D180" s="9"/>
      <c r="E180" s="9"/>
    </row>
    <row r="181" spans="3:5" ht="21" customHeight="1">
      <c r="C181" s="9"/>
      <c r="D181" s="9"/>
      <c r="E181" s="9"/>
    </row>
    <row r="182" spans="3:5" ht="21" customHeight="1">
      <c r="C182" s="9"/>
      <c r="D182" s="9"/>
      <c r="E182" s="9"/>
    </row>
    <row r="183" spans="3:5" ht="21" customHeight="1">
      <c r="C183" s="9"/>
      <c r="D183" s="9"/>
      <c r="E183" s="9"/>
    </row>
    <row r="184" spans="3:5" ht="21" customHeight="1">
      <c r="C184" s="9"/>
      <c r="D184" s="9"/>
      <c r="E184" s="9"/>
    </row>
    <row r="185" spans="3:5" ht="21" customHeight="1">
      <c r="C185" s="9"/>
      <c r="D185" s="9"/>
      <c r="E185" s="9"/>
    </row>
    <row r="186" spans="3:5" ht="21" customHeight="1">
      <c r="C186" s="9"/>
      <c r="D186" s="9"/>
      <c r="E186" s="9"/>
    </row>
    <row r="187" spans="3:5" ht="21" customHeight="1">
      <c r="C187" s="9"/>
      <c r="D187" s="9"/>
      <c r="E187" s="9"/>
    </row>
    <row r="188" spans="3:5" ht="21" customHeight="1">
      <c r="C188" s="9"/>
      <c r="D188" s="9"/>
      <c r="E188" s="9"/>
    </row>
    <row r="189" spans="3:5" ht="21" customHeight="1">
      <c r="C189" s="9"/>
      <c r="D189" s="9"/>
      <c r="E189" s="9"/>
    </row>
    <row r="190" spans="3:5" ht="21" customHeight="1">
      <c r="C190" s="9"/>
      <c r="D190" s="9"/>
      <c r="E190" s="9"/>
    </row>
  </sheetData>
  <mergeCells count="1">
    <mergeCell ref="A1:E1"/>
  </mergeCells>
  <phoneticPr fontId="1"/>
  <dataValidations count="3">
    <dataValidation imeMode="hiragana" allowBlank="1" showInputMessage="1" showErrorMessage="1" sqref="D31 D39:D40 D33:D36 C31:C36 D5:D6 D10:D11 C39:C41 C3:C11 D3 C42:D59 C12:D13 C37:D38 D15:D16 C14:C16 C17:D30"/>
    <dataValidation type="list" allowBlank="1" showInputMessage="1" showErrorMessage="1" sqref="E61:E1048576 E2">
      <formula1>"旅館,ホテル,簡易宿所"</formula1>
    </dataValidation>
    <dataValidation imeMode="halfAlpha" allowBlank="1" showInputMessage="1" showErrorMessage="1" sqref="B30:B59 B18:B24"/>
  </dataValidations>
  <printOptions horizontalCentered="1"/>
  <pageMargins left="0.78740157480314965" right="0.78740157480314965" top="0.74803149606299213" bottom="0.74803149606299213" header="0.31496062992125984" footer="0.31496062992125984"/>
  <pageSetup paperSize="9" scale="53" fitToHeight="0" orientation="portrait" r:id="rId1"/>
  <headerFooter alignWithMargins="0">
    <oddFooter>&amp;C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足柄上</vt:lpstr>
      <vt:lpstr>足柄上!Print_Area</vt:lpstr>
      <vt:lpstr>足柄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2:53:21Z</dcterms:modified>
</cp:coreProperties>
</file>